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2="http://schemas.microsoft.com/office/spreadsheetml/2015/revision2" mc:Ignorable="x15 xr2">
  <fileVersion appName="xl" lastEdited="7" lowestEdited="5" rupBuild="185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Aleks\Desktop\"/>
    </mc:Choice>
  </mc:AlternateContent>
  <bookViews>
    <workbookView xWindow="0" yWindow="0" windowWidth="19200" windowHeight="8780" firstSheet="1" activeTab="3" xr2:uid="{00000000-000D-0000-FFFF-FFFF00000000}"/>
  </bookViews>
  <sheets>
    <sheet name="13 min" sheetId="1" r:id="rId1"/>
    <sheet name="23,5 min" sheetId="2" r:id="rId2"/>
    <sheet name="60 + 120 min" sheetId="3" r:id="rId3"/>
    <sheet name="180 min" sheetId="4" r:id="rId4"/>
  </sheets>
  <definedNames>
    <definedName name="MethodPointer" localSheetId="3">172311976</definedName>
    <definedName name="MethodPointer" localSheetId="1">172302040</definedName>
    <definedName name="MethodPointer" localSheetId="2">172310320</definedName>
    <definedName name="MethodPointer">172301488</definedName>
  </definedNames>
  <calcPr calcId="145621"/>
</workbook>
</file>

<file path=xl/sharedStrings.xml><?xml version="1.0" encoding="utf-8"?>
<sst xmlns="http://schemas.openxmlformats.org/spreadsheetml/2006/main" count="416" uniqueCount="56">
  <si>
    <t>Software Version</t>
  </si>
  <si>
    <t>2.07.17</t>
  </si>
  <si>
    <t>Experiment File Path:</t>
  </si>
  <si>
    <t>C:\Users\s134721\Desktop\14.40 28-07-2017 iGEM venom AMC-substrate (13 min) experiment 2.xpt</t>
  </si>
  <si>
    <t>Protocol File Path:</t>
  </si>
  <si>
    <t>Plate Number</t>
  </si>
  <si>
    <t>Plate 1</t>
  </si>
  <si>
    <t>Date</t>
  </si>
  <si>
    <t>Time</t>
  </si>
  <si>
    <t>Reader Type:</t>
  </si>
  <si>
    <t>Cytation5</t>
  </si>
  <si>
    <t>Reader Serial Number:</t>
  </si>
  <si>
    <t>Reading Type</t>
  </si>
  <si>
    <t>Reader</t>
  </si>
  <si>
    <t>Procedure Details</t>
  </si>
  <si>
    <t>Plate Type</t>
  </si>
  <si>
    <t>96 WELL PLATE</t>
  </si>
  <si>
    <t>Eject plate on completion</t>
  </si>
  <si>
    <t>Set Temperature</t>
  </si>
  <si>
    <t>Setpoint 37°C, Gradient 0 °C</t>
  </si>
  <si>
    <t>Preheat before moving to next step</t>
  </si>
  <si>
    <t>Read</t>
  </si>
  <si>
    <t>Fluorescence Endpoint</t>
  </si>
  <si>
    <t>A1..B12</t>
  </si>
  <si>
    <t>Filter Set 1</t>
  </si>
  <si>
    <t xml:space="preserve">    Excitation: 366/20,  Emission: 460/20</t>
  </si>
  <si>
    <t xml:space="preserve">    Optics: Top,  Gain: extended</t>
  </si>
  <si>
    <t>Light Source: Xenon Flash,  Lamp Energy: High,  Extended Dynamic Range</t>
  </si>
  <si>
    <t>Read Speed: Normal,  Delay: 100 msec,  Measurements/Data Point: 10</t>
  </si>
  <si>
    <t>Read Height: 7 mm</t>
  </si>
  <si>
    <t>Delay</t>
  </si>
  <si>
    <t>0:03:00 (HH:MM:SS)</t>
  </si>
  <si>
    <t>D1..E12</t>
  </si>
  <si>
    <t>G1..H12</t>
  </si>
  <si>
    <t>Results</t>
  </si>
  <si>
    <t>Actual Temperature:</t>
  </si>
  <si>
    <t>A</t>
  </si>
  <si>
    <t>Read 1:366,460</t>
  </si>
  <si>
    <t>Read 2:366,460</t>
  </si>
  <si>
    <t>Read 3:366,460</t>
  </si>
  <si>
    <t>B</t>
  </si>
  <si>
    <t>C</t>
  </si>
  <si>
    <t>D</t>
  </si>
  <si>
    <t>E</t>
  </si>
  <si>
    <t>F</t>
  </si>
  <si>
    <t>G</t>
  </si>
  <si>
    <t>H</t>
  </si>
  <si>
    <t>C:\Users\s134721\Desktop\14.51 28-07-2017 iGEM venom AMC-substrate (23,5 min) experiment 2.xpt</t>
  </si>
  <si>
    <t>Read 6:366,460</t>
  </si>
  <si>
    <t>Read 5:366,460</t>
  </si>
  <si>
    <t>Read 4:366,460</t>
  </si>
  <si>
    <t>0:54:00 (HH:MM:SS)</t>
  </si>
  <si>
    <t>0:23:00 (HH:MM:SS)</t>
  </si>
  <si>
    <t>C:\Users\s134721\Desktop\16.30 28-07-2017 iGEM venom AMC-substrate (60 + 120 min) experiment 2.xpt</t>
  </si>
  <si>
    <t>0:48:00 (HH:MM:SS)</t>
  </si>
  <si>
    <t>C:\Users\s134721\Desktop\17.44 28-07-2017 iGEM venom AMC-substrate (180 min) experiment 2.xp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0"/>
      <name val="Arial"/>
    </font>
    <font>
      <b/>
      <u/>
      <sz val="10"/>
      <color rgb="FF000000"/>
      <name val="Arial"/>
      <family val="2"/>
    </font>
    <font>
      <sz val="10"/>
      <color rgb="FF000000"/>
      <name val="Arial"/>
      <family val="2"/>
    </font>
    <font>
      <sz val="10"/>
      <color rgb="FF27413E"/>
      <name val="Arial"/>
      <family val="2"/>
    </font>
    <font>
      <sz val="7"/>
      <color rgb="FF000000"/>
      <name val="Arial"/>
      <family val="2"/>
    </font>
  </fonts>
  <fills count="17">
    <fill>
      <patternFill patternType="none"/>
    </fill>
    <fill>
      <patternFill patternType="gray125"/>
    </fill>
    <fill>
      <patternFill patternType="solid">
        <fgColor rgb="FF99CCFF"/>
        <bgColor indexed="64"/>
      </patternFill>
    </fill>
    <fill>
      <patternFill patternType="solid">
        <fgColor rgb="FFC9E0F4"/>
        <bgColor indexed="64"/>
      </patternFill>
    </fill>
    <fill>
      <patternFill patternType="solid">
        <fgColor rgb="FFE8F3FF"/>
        <bgColor indexed="64"/>
      </patternFill>
    </fill>
    <fill>
      <patternFill patternType="solid">
        <fgColor rgb="FF247CBD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rgb="FFD8E9F9"/>
        <bgColor indexed="64"/>
      </patternFill>
    </fill>
    <fill>
      <patternFill patternType="solid">
        <fgColor rgb="FFABCEEA"/>
        <bgColor indexed="64"/>
      </patternFill>
    </fill>
    <fill>
      <patternFill patternType="solid">
        <fgColor rgb="FF9CC5E5"/>
        <bgColor indexed="64"/>
      </patternFill>
    </fill>
    <fill>
      <patternFill patternType="solid">
        <fgColor rgb="FF60A0D1"/>
        <bgColor indexed="64"/>
      </patternFill>
    </fill>
    <fill>
      <patternFill patternType="solid">
        <fgColor rgb="FF7EB2DB"/>
        <bgColor indexed="64"/>
      </patternFill>
    </fill>
    <fill>
      <patternFill patternType="solid">
        <fgColor rgb="FF5197CC"/>
        <bgColor indexed="64"/>
      </patternFill>
    </fill>
    <fill>
      <patternFill patternType="solid">
        <fgColor rgb="FF3385C2"/>
        <bgColor indexed="64"/>
      </patternFill>
    </fill>
    <fill>
      <patternFill patternType="solid">
        <fgColor rgb="FF8DBCE0"/>
        <bgColor indexed="64"/>
      </patternFill>
    </fill>
    <fill>
      <patternFill patternType="solid">
        <fgColor rgb="FFBAD7EF"/>
        <bgColor indexed="64"/>
      </patternFill>
    </fill>
    <fill>
      <patternFill patternType="solid">
        <fgColor rgb="FF428EC7"/>
        <bgColor indexed="64"/>
      </patternFill>
    </fill>
  </fills>
  <borders count="5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</borders>
  <cellStyleXfs count="1">
    <xf numFmtId="0" fontId="0" fillId="0" borderId="0"/>
  </cellStyleXfs>
  <cellXfs count="36">
    <xf numFmtId="0" fontId="0" fillId="0" borderId="0" xfId="0"/>
    <xf numFmtId="14" fontId="0" fillId="0" borderId="0" xfId="0" applyNumberFormat="1"/>
    <xf numFmtId="21" fontId="0" fillId="0" borderId="0" xfId="0" applyNumberFormat="1"/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0" fillId="2" borderId="1" xfId="0" applyFill="1" applyBorder="1" applyAlignment="1">
      <alignment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2" fillId="3" borderId="2" xfId="0" applyFont="1" applyFill="1" applyBorder="1" applyAlignment="1">
      <alignment horizontal="center" vertical="center" wrapText="1"/>
    </xf>
    <xf numFmtId="0" fontId="2" fillId="4" borderId="2" xfId="0" applyFont="1" applyFill="1" applyBorder="1" applyAlignment="1">
      <alignment horizontal="center" vertical="center" wrapText="1"/>
    </xf>
    <xf numFmtId="0" fontId="2" fillId="5" borderId="2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2" fillId="6" borderId="3" xfId="0" applyFont="1" applyFill="1" applyBorder="1" applyAlignment="1">
      <alignment horizontal="center" vertical="center" wrapText="1"/>
    </xf>
    <xf numFmtId="0" fontId="2" fillId="6" borderId="4" xfId="0" applyFont="1" applyFill="1" applyBorder="1" applyAlignment="1">
      <alignment horizontal="center" vertical="center" wrapText="1"/>
    </xf>
    <xf numFmtId="0" fontId="2" fillId="7" borderId="2" xfId="0" applyFont="1" applyFill="1" applyBorder="1" applyAlignment="1">
      <alignment horizontal="center" vertical="center" wrapText="1"/>
    </xf>
    <xf numFmtId="0" fontId="2" fillId="6" borderId="2" xfId="0" applyFont="1" applyFill="1" applyBorder="1" applyAlignment="1">
      <alignment horizontal="center" vertical="center" wrapText="1"/>
    </xf>
    <xf numFmtId="0" fontId="2" fillId="7" borderId="3" xfId="0" applyFont="1" applyFill="1" applyBorder="1" applyAlignment="1">
      <alignment horizontal="center" vertical="center" wrapText="1"/>
    </xf>
    <xf numFmtId="0" fontId="2" fillId="4" borderId="3" xfId="0" applyFont="1" applyFill="1" applyBorder="1" applyAlignment="1">
      <alignment horizontal="center" vertical="center" wrapText="1"/>
    </xf>
    <xf numFmtId="0" fontId="2" fillId="5" borderId="3" xfId="0" applyFont="1" applyFill="1" applyBorder="1" applyAlignment="1">
      <alignment horizontal="center" vertical="center" wrapText="1"/>
    </xf>
    <xf numFmtId="0" fontId="2" fillId="4" borderId="4" xfId="0" applyFont="1" applyFill="1" applyBorder="1" applyAlignment="1">
      <alignment horizontal="center" vertical="center" wrapText="1"/>
    </xf>
    <xf numFmtId="0" fontId="2" fillId="5" borderId="4" xfId="0" applyFont="1" applyFill="1" applyBorder="1" applyAlignment="1">
      <alignment horizontal="center" vertical="center" wrapText="1"/>
    </xf>
    <xf numFmtId="0" fontId="2" fillId="7" borderId="4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2" fillId="3" borderId="3" xfId="0" applyFont="1" applyFill="1" applyBorder="1" applyAlignment="1">
      <alignment horizontal="center" vertical="center" wrapText="1"/>
    </xf>
    <xf numFmtId="0" fontId="2" fillId="8" borderId="2" xfId="0" applyFont="1" applyFill="1" applyBorder="1" applyAlignment="1">
      <alignment horizontal="center" vertical="center" wrapText="1"/>
    </xf>
    <xf numFmtId="0" fontId="2" fillId="9" borderId="2" xfId="0" applyFont="1" applyFill="1" applyBorder="1" applyAlignment="1">
      <alignment horizontal="center" vertical="center" wrapText="1"/>
    </xf>
    <xf numFmtId="0" fontId="2" fillId="10" borderId="3" xfId="0" applyFont="1" applyFill="1" applyBorder="1" applyAlignment="1">
      <alignment horizontal="center" vertical="center" wrapText="1"/>
    </xf>
    <xf numFmtId="0" fontId="2" fillId="11" borderId="3" xfId="0" applyFont="1" applyFill="1" applyBorder="1" applyAlignment="1">
      <alignment horizontal="center" vertical="center" wrapText="1"/>
    </xf>
    <xf numFmtId="0" fontId="2" fillId="12" borderId="3" xfId="0" applyFont="1" applyFill="1" applyBorder="1" applyAlignment="1">
      <alignment horizontal="center" vertical="center" wrapText="1"/>
    </xf>
    <xf numFmtId="0" fontId="2" fillId="13" borderId="3" xfId="0" applyFont="1" applyFill="1" applyBorder="1" applyAlignment="1">
      <alignment horizontal="center" vertical="center" wrapText="1"/>
    </xf>
    <xf numFmtId="0" fontId="2" fillId="14" borderId="3" xfId="0" applyFont="1" applyFill="1" applyBorder="1" applyAlignment="1">
      <alignment horizontal="center" vertical="center" wrapText="1"/>
    </xf>
    <xf numFmtId="0" fontId="2" fillId="15" borderId="3" xfId="0" applyFont="1" applyFill="1" applyBorder="1" applyAlignment="1">
      <alignment horizontal="center" vertical="center" wrapText="1"/>
    </xf>
    <xf numFmtId="0" fontId="2" fillId="11" borderId="2" xfId="0" applyFont="1" applyFill="1" applyBorder="1" applyAlignment="1">
      <alignment horizontal="center" vertical="center" wrapText="1"/>
    </xf>
    <xf numFmtId="0" fontId="2" fillId="12" borderId="2" xfId="0" applyFont="1" applyFill="1" applyBorder="1" applyAlignment="1">
      <alignment horizontal="center" vertical="center" wrapText="1"/>
    </xf>
    <xf numFmtId="0" fontId="2" fillId="16" borderId="2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O74"/>
  <sheetViews>
    <sheetView topLeftCell="A37" workbookViewId="0">
      <selection activeCell="B50" sqref="B50"/>
    </sheetView>
  </sheetViews>
  <sheetFormatPr defaultRowHeight="12.5" x14ac:dyDescent="0.25"/>
  <cols>
    <col min="1" max="1" width="20.7265625" customWidth="1"/>
    <col min="2" max="2" width="12.7265625" customWidth="1"/>
  </cols>
  <sheetData>
    <row r="2" spans="1:2" x14ac:dyDescent="0.25">
      <c r="A2" t="s">
        <v>0</v>
      </c>
      <c r="B2" t="s">
        <v>1</v>
      </c>
    </row>
    <row r="4" spans="1:2" x14ac:dyDescent="0.25">
      <c r="A4" t="s">
        <v>2</v>
      </c>
      <c r="B4" t="s">
        <v>3</v>
      </c>
    </row>
    <row r="5" spans="1:2" x14ac:dyDescent="0.25">
      <c r="A5" t="s">
        <v>4</v>
      </c>
    </row>
    <row r="6" spans="1:2" x14ac:dyDescent="0.25">
      <c r="A6" t="s">
        <v>5</v>
      </c>
      <c r="B6" t="s">
        <v>6</v>
      </c>
    </row>
    <row r="7" spans="1:2" x14ac:dyDescent="0.25">
      <c r="A7" t="s">
        <v>7</v>
      </c>
      <c r="B7" s="1">
        <v>42944</v>
      </c>
    </row>
    <row r="8" spans="1:2" x14ac:dyDescent="0.25">
      <c r="A8" t="s">
        <v>8</v>
      </c>
      <c r="B8" s="2">
        <v>0.60638888888888887</v>
      </c>
    </row>
    <row r="9" spans="1:2" x14ac:dyDescent="0.25">
      <c r="A9" t="s">
        <v>9</v>
      </c>
      <c r="B9" t="s">
        <v>10</v>
      </c>
    </row>
    <row r="10" spans="1:2" x14ac:dyDescent="0.25">
      <c r="A10" t="s">
        <v>11</v>
      </c>
      <c r="B10">
        <v>1505287</v>
      </c>
    </row>
    <row r="11" spans="1:2" x14ac:dyDescent="0.25">
      <c r="A11" t="s">
        <v>12</v>
      </c>
      <c r="B11" t="s">
        <v>13</v>
      </c>
    </row>
    <row r="13" spans="1:2" ht="13" x14ac:dyDescent="0.25">
      <c r="A13" s="3" t="s">
        <v>14</v>
      </c>
      <c r="B13" s="4"/>
    </row>
    <row r="14" spans="1:2" x14ac:dyDescent="0.25">
      <c r="A14" t="s">
        <v>15</v>
      </c>
      <c r="B14" t="s">
        <v>16</v>
      </c>
    </row>
    <row r="15" spans="1:2" x14ac:dyDescent="0.25">
      <c r="A15" t="s">
        <v>17</v>
      </c>
    </row>
    <row r="16" spans="1:2" x14ac:dyDescent="0.25">
      <c r="A16" t="s">
        <v>18</v>
      </c>
      <c r="B16" t="s">
        <v>19</v>
      </c>
    </row>
    <row r="17" spans="1:2" x14ac:dyDescent="0.25">
      <c r="B17" t="s">
        <v>20</v>
      </c>
    </row>
    <row r="18" spans="1:2" x14ac:dyDescent="0.25">
      <c r="A18" t="s">
        <v>21</v>
      </c>
      <c r="B18" t="s">
        <v>22</v>
      </c>
    </row>
    <row r="19" spans="1:2" x14ac:dyDescent="0.25">
      <c r="B19" t="s">
        <v>23</v>
      </c>
    </row>
    <row r="20" spans="1:2" x14ac:dyDescent="0.25">
      <c r="B20" t="s">
        <v>24</v>
      </c>
    </row>
    <row r="21" spans="1:2" x14ac:dyDescent="0.25">
      <c r="B21" t="s">
        <v>25</v>
      </c>
    </row>
    <row r="22" spans="1:2" x14ac:dyDescent="0.25">
      <c r="B22" t="s">
        <v>26</v>
      </c>
    </row>
    <row r="23" spans="1:2" x14ac:dyDescent="0.25">
      <c r="B23" t="s">
        <v>27</v>
      </c>
    </row>
    <row r="24" spans="1:2" x14ac:dyDescent="0.25">
      <c r="B24" t="s">
        <v>28</v>
      </c>
    </row>
    <row r="25" spans="1:2" x14ac:dyDescent="0.25">
      <c r="B25" t="s">
        <v>29</v>
      </c>
    </row>
    <row r="26" spans="1:2" x14ac:dyDescent="0.25">
      <c r="A26" t="s">
        <v>30</v>
      </c>
      <c r="B26" t="s">
        <v>31</v>
      </c>
    </row>
    <row r="27" spans="1:2" x14ac:dyDescent="0.25">
      <c r="A27" t="s">
        <v>21</v>
      </c>
      <c r="B27" t="s">
        <v>22</v>
      </c>
    </row>
    <row r="28" spans="1:2" x14ac:dyDescent="0.25">
      <c r="B28" t="s">
        <v>32</v>
      </c>
    </row>
    <row r="29" spans="1:2" x14ac:dyDescent="0.25">
      <c r="B29" t="s">
        <v>24</v>
      </c>
    </row>
    <row r="30" spans="1:2" x14ac:dyDescent="0.25">
      <c r="B30" t="s">
        <v>25</v>
      </c>
    </row>
    <row r="31" spans="1:2" x14ac:dyDescent="0.25">
      <c r="B31" t="s">
        <v>26</v>
      </c>
    </row>
    <row r="32" spans="1:2" x14ac:dyDescent="0.25">
      <c r="B32" t="s">
        <v>27</v>
      </c>
    </row>
    <row r="33" spans="1:2" x14ac:dyDescent="0.25">
      <c r="B33" t="s">
        <v>28</v>
      </c>
    </row>
    <row r="34" spans="1:2" x14ac:dyDescent="0.25">
      <c r="B34" t="s">
        <v>29</v>
      </c>
    </row>
    <row r="35" spans="1:2" x14ac:dyDescent="0.25">
      <c r="A35" t="s">
        <v>30</v>
      </c>
      <c r="B35" t="s">
        <v>31</v>
      </c>
    </row>
    <row r="36" spans="1:2" x14ac:dyDescent="0.25">
      <c r="A36" t="s">
        <v>21</v>
      </c>
      <c r="B36" t="s">
        <v>22</v>
      </c>
    </row>
    <row r="37" spans="1:2" x14ac:dyDescent="0.25">
      <c r="B37" t="s">
        <v>33</v>
      </c>
    </row>
    <row r="38" spans="1:2" x14ac:dyDescent="0.25">
      <c r="B38" t="s">
        <v>24</v>
      </c>
    </row>
    <row r="39" spans="1:2" x14ac:dyDescent="0.25">
      <c r="B39" t="s">
        <v>25</v>
      </c>
    </row>
    <row r="40" spans="1:2" x14ac:dyDescent="0.25">
      <c r="B40" t="s">
        <v>26</v>
      </c>
    </row>
    <row r="41" spans="1:2" x14ac:dyDescent="0.25">
      <c r="B41" t="s">
        <v>27</v>
      </c>
    </row>
    <row r="42" spans="1:2" x14ac:dyDescent="0.25">
      <c r="B42" t="s">
        <v>28</v>
      </c>
    </row>
    <row r="43" spans="1:2" x14ac:dyDescent="0.25">
      <c r="B43" t="s">
        <v>29</v>
      </c>
    </row>
    <row r="45" spans="1:2" ht="13" x14ac:dyDescent="0.25">
      <c r="A45" s="3" t="s">
        <v>34</v>
      </c>
      <c r="B45" s="4"/>
    </row>
    <row r="46" spans="1:2" x14ac:dyDescent="0.25">
      <c r="A46" t="s">
        <v>35</v>
      </c>
      <c r="B46">
        <v>37</v>
      </c>
    </row>
    <row r="47" spans="1:2" x14ac:dyDescent="0.25">
      <c r="A47" t="s">
        <v>35</v>
      </c>
      <c r="B47">
        <v>37.1</v>
      </c>
    </row>
    <row r="48" spans="1:2" x14ac:dyDescent="0.25">
      <c r="A48" t="s">
        <v>35</v>
      </c>
      <c r="B48">
        <v>37.1</v>
      </c>
    </row>
    <row r="50" spans="2:15" x14ac:dyDescent="0.25">
      <c r="B50" s="5"/>
      <c r="C50" s="6">
        <v>1</v>
      </c>
      <c r="D50" s="6">
        <v>2</v>
      </c>
      <c r="E50" s="6">
        <v>3</v>
      </c>
      <c r="F50" s="6">
        <v>4</v>
      </c>
      <c r="G50" s="6">
        <v>5</v>
      </c>
      <c r="H50" s="6">
        <v>6</v>
      </c>
      <c r="I50" s="6">
        <v>7</v>
      </c>
      <c r="J50" s="6">
        <v>8</v>
      </c>
      <c r="K50" s="6">
        <v>9</v>
      </c>
      <c r="L50" s="6">
        <v>10</v>
      </c>
      <c r="M50" s="6">
        <v>11</v>
      </c>
      <c r="N50" s="6">
        <v>12</v>
      </c>
    </row>
    <row r="51" spans="2:15" ht="18" x14ac:dyDescent="0.25">
      <c r="B51" s="21" t="s">
        <v>36</v>
      </c>
      <c r="C51" s="7">
        <v>79746</v>
      </c>
      <c r="D51" s="8">
        <v>13353</v>
      </c>
      <c r="E51" s="8">
        <v>28101</v>
      </c>
      <c r="F51" s="8">
        <v>8929</v>
      </c>
      <c r="G51" s="8">
        <v>28633</v>
      </c>
      <c r="H51" s="8">
        <v>8655</v>
      </c>
      <c r="I51" s="8">
        <v>3510</v>
      </c>
      <c r="J51" s="9">
        <v>409502</v>
      </c>
      <c r="K51" s="8">
        <v>5892</v>
      </c>
      <c r="L51" s="8">
        <v>30933</v>
      </c>
      <c r="M51" s="8">
        <v>8667</v>
      </c>
      <c r="N51" s="8">
        <v>6651</v>
      </c>
      <c r="O51" s="10" t="s">
        <v>37</v>
      </c>
    </row>
    <row r="52" spans="2:15" ht="18" x14ac:dyDescent="0.25">
      <c r="B52" s="22"/>
      <c r="C52" s="11"/>
      <c r="D52" s="11"/>
      <c r="E52" s="11"/>
      <c r="F52" s="11"/>
      <c r="G52" s="11"/>
      <c r="H52" s="11"/>
      <c r="I52" s="11"/>
      <c r="J52" s="11"/>
      <c r="K52" s="11"/>
      <c r="L52" s="11"/>
      <c r="M52" s="11"/>
      <c r="N52" s="11"/>
      <c r="O52" s="10" t="s">
        <v>38</v>
      </c>
    </row>
    <row r="53" spans="2:15" ht="18" x14ac:dyDescent="0.25">
      <c r="B53" s="23"/>
      <c r="C53" s="12"/>
      <c r="D53" s="12"/>
      <c r="E53" s="12"/>
      <c r="F53" s="12"/>
      <c r="G53" s="12"/>
      <c r="H53" s="12"/>
      <c r="I53" s="12"/>
      <c r="J53" s="12"/>
      <c r="K53" s="12"/>
      <c r="L53" s="12"/>
      <c r="M53" s="12"/>
      <c r="N53" s="12"/>
      <c r="O53" s="10" t="s">
        <v>39</v>
      </c>
    </row>
    <row r="54" spans="2:15" ht="18" x14ac:dyDescent="0.25">
      <c r="B54" s="21" t="s">
        <v>40</v>
      </c>
      <c r="C54" s="13">
        <v>49843</v>
      </c>
      <c r="D54" s="8">
        <v>13379</v>
      </c>
      <c r="E54" s="13">
        <v>49898</v>
      </c>
      <c r="F54" s="8">
        <v>8964</v>
      </c>
      <c r="G54" s="13">
        <v>33922</v>
      </c>
      <c r="H54" s="8">
        <v>8600</v>
      </c>
      <c r="I54" s="8">
        <v>3310</v>
      </c>
      <c r="J54" s="9">
        <v>415779</v>
      </c>
      <c r="K54" s="8">
        <v>5127</v>
      </c>
      <c r="L54" s="8">
        <v>31305</v>
      </c>
      <c r="M54" s="8">
        <v>7901</v>
      </c>
      <c r="N54" s="8">
        <v>5257</v>
      </c>
      <c r="O54" s="10" t="s">
        <v>37</v>
      </c>
    </row>
    <row r="55" spans="2:15" ht="18" x14ac:dyDescent="0.25">
      <c r="B55" s="22"/>
      <c r="C55" s="11"/>
      <c r="D55" s="11"/>
      <c r="E55" s="11"/>
      <c r="F55" s="11"/>
      <c r="G55" s="11"/>
      <c r="H55" s="11"/>
      <c r="I55" s="11"/>
      <c r="J55" s="11"/>
      <c r="K55" s="11"/>
      <c r="L55" s="11"/>
      <c r="M55" s="11"/>
      <c r="N55" s="11"/>
      <c r="O55" s="10" t="s">
        <v>38</v>
      </c>
    </row>
    <row r="56" spans="2:15" ht="18" x14ac:dyDescent="0.25">
      <c r="B56" s="23"/>
      <c r="C56" s="12"/>
      <c r="D56" s="12"/>
      <c r="E56" s="12"/>
      <c r="F56" s="12"/>
      <c r="G56" s="12"/>
      <c r="H56" s="12"/>
      <c r="I56" s="12"/>
      <c r="J56" s="12"/>
      <c r="K56" s="12"/>
      <c r="L56" s="12"/>
      <c r="M56" s="12"/>
      <c r="N56" s="12"/>
      <c r="O56" s="10" t="s">
        <v>39</v>
      </c>
    </row>
    <row r="57" spans="2:15" ht="18" x14ac:dyDescent="0.25">
      <c r="B57" s="21" t="s">
        <v>41</v>
      </c>
      <c r="C57" s="14"/>
      <c r="D57" s="14"/>
      <c r="E57" s="14"/>
      <c r="F57" s="14"/>
      <c r="G57" s="14"/>
      <c r="H57" s="14"/>
      <c r="I57" s="14"/>
      <c r="J57" s="14"/>
      <c r="K57" s="14"/>
      <c r="L57" s="14"/>
      <c r="M57" s="14"/>
      <c r="N57" s="14"/>
      <c r="O57" s="10" t="s">
        <v>37</v>
      </c>
    </row>
    <row r="58" spans="2:15" ht="18" x14ac:dyDescent="0.25">
      <c r="B58" s="22"/>
      <c r="C58" s="11"/>
      <c r="D58" s="11"/>
      <c r="E58" s="11"/>
      <c r="F58" s="11"/>
      <c r="G58" s="11"/>
      <c r="H58" s="11"/>
      <c r="I58" s="11"/>
      <c r="J58" s="11"/>
      <c r="K58" s="11"/>
      <c r="L58" s="11"/>
      <c r="M58" s="11"/>
      <c r="N58" s="11"/>
      <c r="O58" s="10" t="s">
        <v>38</v>
      </c>
    </row>
    <row r="59" spans="2:15" ht="18" x14ac:dyDescent="0.25">
      <c r="B59" s="23"/>
      <c r="C59" s="12"/>
      <c r="D59" s="12"/>
      <c r="E59" s="12"/>
      <c r="F59" s="12"/>
      <c r="G59" s="12"/>
      <c r="H59" s="12"/>
      <c r="I59" s="12"/>
      <c r="J59" s="12"/>
      <c r="K59" s="12"/>
      <c r="L59" s="12"/>
      <c r="M59" s="12"/>
      <c r="N59" s="12"/>
      <c r="O59" s="10" t="s">
        <v>39</v>
      </c>
    </row>
    <row r="60" spans="2:15" ht="18" x14ac:dyDescent="0.25">
      <c r="B60" s="21" t="s">
        <v>42</v>
      </c>
      <c r="C60" s="14"/>
      <c r="D60" s="14"/>
      <c r="E60" s="14"/>
      <c r="F60" s="14"/>
      <c r="G60" s="14"/>
      <c r="H60" s="14"/>
      <c r="I60" s="14"/>
      <c r="J60" s="14"/>
      <c r="K60" s="14"/>
      <c r="L60" s="14"/>
      <c r="M60" s="14"/>
      <c r="N60" s="14"/>
      <c r="O60" s="10" t="s">
        <v>37</v>
      </c>
    </row>
    <row r="61" spans="2:15" ht="18" x14ac:dyDescent="0.25">
      <c r="B61" s="22"/>
      <c r="C61" s="15">
        <v>43036</v>
      </c>
      <c r="D61" s="16">
        <v>13571</v>
      </c>
      <c r="E61" s="15">
        <v>36053</v>
      </c>
      <c r="F61" s="16">
        <v>8783</v>
      </c>
      <c r="G61" s="15">
        <v>35428</v>
      </c>
      <c r="H61" s="16">
        <v>8894</v>
      </c>
      <c r="I61" s="16">
        <v>4912</v>
      </c>
      <c r="J61" s="17">
        <v>432661</v>
      </c>
      <c r="K61" s="16">
        <v>5199</v>
      </c>
      <c r="L61" s="15">
        <v>36652</v>
      </c>
      <c r="M61" s="16">
        <v>8283</v>
      </c>
      <c r="N61" s="16">
        <v>6308</v>
      </c>
      <c r="O61" s="10" t="s">
        <v>38</v>
      </c>
    </row>
    <row r="62" spans="2:15" ht="18" x14ac:dyDescent="0.25">
      <c r="B62" s="23"/>
      <c r="C62" s="12"/>
      <c r="D62" s="12"/>
      <c r="E62" s="12"/>
      <c r="F62" s="12"/>
      <c r="G62" s="12"/>
      <c r="H62" s="12"/>
      <c r="I62" s="12"/>
      <c r="J62" s="12"/>
      <c r="K62" s="12"/>
      <c r="L62" s="12"/>
      <c r="M62" s="12"/>
      <c r="N62" s="12"/>
      <c r="O62" s="10" t="s">
        <v>39</v>
      </c>
    </row>
    <row r="63" spans="2:15" ht="18" x14ac:dyDescent="0.25">
      <c r="B63" s="21" t="s">
        <v>43</v>
      </c>
      <c r="C63" s="14"/>
      <c r="D63" s="14"/>
      <c r="E63" s="14"/>
      <c r="F63" s="14"/>
      <c r="G63" s="14"/>
      <c r="H63" s="14"/>
      <c r="I63" s="14"/>
      <c r="J63" s="14"/>
      <c r="K63" s="14"/>
      <c r="L63" s="14"/>
      <c r="M63" s="14"/>
      <c r="N63" s="14"/>
      <c r="O63" s="10" t="s">
        <v>37</v>
      </c>
    </row>
    <row r="64" spans="2:15" ht="18" x14ac:dyDescent="0.25">
      <c r="B64" s="22"/>
      <c r="C64" s="15">
        <v>43627</v>
      </c>
      <c r="D64" s="16">
        <v>9449</v>
      </c>
      <c r="E64" s="15">
        <v>35278</v>
      </c>
      <c r="F64" s="16">
        <v>8622</v>
      </c>
      <c r="G64" s="15">
        <v>35105</v>
      </c>
      <c r="H64" s="16">
        <v>8326</v>
      </c>
      <c r="I64" s="16">
        <v>3233</v>
      </c>
      <c r="J64" s="17">
        <v>413227</v>
      </c>
      <c r="K64" s="16">
        <v>5115</v>
      </c>
      <c r="L64" s="15">
        <v>34877</v>
      </c>
      <c r="M64" s="16">
        <v>8154</v>
      </c>
      <c r="N64" s="16">
        <v>5459</v>
      </c>
      <c r="O64" s="10" t="s">
        <v>38</v>
      </c>
    </row>
    <row r="65" spans="2:15" ht="18" x14ac:dyDescent="0.25">
      <c r="B65" s="23"/>
      <c r="C65" s="12"/>
      <c r="D65" s="12"/>
      <c r="E65" s="12"/>
      <c r="F65" s="12"/>
      <c r="G65" s="12"/>
      <c r="H65" s="12"/>
      <c r="I65" s="12"/>
      <c r="J65" s="12"/>
      <c r="K65" s="12"/>
      <c r="L65" s="12"/>
      <c r="M65" s="12"/>
      <c r="N65" s="12"/>
      <c r="O65" s="10" t="s">
        <v>39</v>
      </c>
    </row>
    <row r="66" spans="2:15" ht="18" x14ac:dyDescent="0.25">
      <c r="B66" s="21" t="s">
        <v>44</v>
      </c>
      <c r="C66" s="14"/>
      <c r="D66" s="14"/>
      <c r="E66" s="14"/>
      <c r="F66" s="14"/>
      <c r="G66" s="14"/>
      <c r="H66" s="14"/>
      <c r="I66" s="14"/>
      <c r="J66" s="14"/>
      <c r="K66" s="14"/>
      <c r="L66" s="14"/>
      <c r="M66" s="14"/>
      <c r="N66" s="14"/>
      <c r="O66" s="10" t="s">
        <v>37</v>
      </c>
    </row>
    <row r="67" spans="2:15" ht="18" x14ac:dyDescent="0.25">
      <c r="B67" s="22"/>
      <c r="C67" s="11"/>
      <c r="D67" s="11"/>
      <c r="E67" s="11"/>
      <c r="F67" s="11"/>
      <c r="G67" s="11"/>
      <c r="H67" s="11"/>
      <c r="I67" s="11"/>
      <c r="J67" s="11"/>
      <c r="K67" s="11"/>
      <c r="L67" s="11"/>
      <c r="M67" s="11"/>
      <c r="N67" s="11"/>
      <c r="O67" s="10" t="s">
        <v>38</v>
      </c>
    </row>
    <row r="68" spans="2:15" ht="18" x14ac:dyDescent="0.25">
      <c r="B68" s="23"/>
      <c r="C68" s="12"/>
      <c r="D68" s="12"/>
      <c r="E68" s="12"/>
      <c r="F68" s="12"/>
      <c r="G68" s="12"/>
      <c r="H68" s="12"/>
      <c r="I68" s="12"/>
      <c r="J68" s="12"/>
      <c r="K68" s="12"/>
      <c r="L68" s="12"/>
      <c r="M68" s="12"/>
      <c r="N68" s="12"/>
      <c r="O68" s="10" t="s">
        <v>39</v>
      </c>
    </row>
    <row r="69" spans="2:15" ht="18" x14ac:dyDescent="0.25">
      <c r="B69" s="21" t="s">
        <v>45</v>
      </c>
      <c r="C69" s="14"/>
      <c r="D69" s="14"/>
      <c r="E69" s="14"/>
      <c r="F69" s="14"/>
      <c r="G69" s="14"/>
      <c r="H69" s="14"/>
      <c r="I69" s="14"/>
      <c r="J69" s="14"/>
      <c r="K69" s="14"/>
      <c r="L69" s="14"/>
      <c r="M69" s="14"/>
      <c r="N69" s="14"/>
      <c r="O69" s="10" t="s">
        <v>37</v>
      </c>
    </row>
    <row r="70" spans="2:15" ht="18" x14ac:dyDescent="0.25">
      <c r="B70" s="22"/>
      <c r="C70" s="11"/>
      <c r="D70" s="11"/>
      <c r="E70" s="11"/>
      <c r="F70" s="11"/>
      <c r="G70" s="11"/>
      <c r="H70" s="11"/>
      <c r="I70" s="11"/>
      <c r="J70" s="11"/>
      <c r="K70" s="11"/>
      <c r="L70" s="11"/>
      <c r="M70" s="11"/>
      <c r="N70" s="11"/>
      <c r="O70" s="10" t="s">
        <v>38</v>
      </c>
    </row>
    <row r="71" spans="2:15" ht="18" x14ac:dyDescent="0.25">
      <c r="B71" s="23"/>
      <c r="C71" s="18">
        <v>27197</v>
      </c>
      <c r="D71" s="18">
        <v>8172</v>
      </c>
      <c r="E71" s="18">
        <v>30196</v>
      </c>
      <c r="F71" s="18">
        <v>8331</v>
      </c>
      <c r="G71" s="18">
        <v>31858</v>
      </c>
      <c r="H71" s="18">
        <v>8955</v>
      </c>
      <c r="I71" s="18">
        <v>3684</v>
      </c>
      <c r="J71" s="19">
        <v>408852</v>
      </c>
      <c r="K71" s="18">
        <v>5231</v>
      </c>
      <c r="L71" s="18">
        <v>32117</v>
      </c>
      <c r="M71" s="18">
        <v>8622</v>
      </c>
      <c r="N71" s="18">
        <v>5764</v>
      </c>
      <c r="O71" s="10" t="s">
        <v>39</v>
      </c>
    </row>
    <row r="72" spans="2:15" ht="18" x14ac:dyDescent="0.25">
      <c r="B72" s="21" t="s">
        <v>46</v>
      </c>
      <c r="C72" s="14"/>
      <c r="D72" s="14"/>
      <c r="E72" s="14"/>
      <c r="F72" s="14"/>
      <c r="G72" s="14"/>
      <c r="H72" s="14"/>
      <c r="I72" s="14"/>
      <c r="J72" s="14"/>
      <c r="K72" s="14"/>
      <c r="L72" s="14"/>
      <c r="M72" s="14"/>
      <c r="N72" s="14"/>
      <c r="O72" s="10" t="s">
        <v>37</v>
      </c>
    </row>
    <row r="73" spans="2:15" ht="18" x14ac:dyDescent="0.25">
      <c r="B73" s="22"/>
      <c r="C73" s="11"/>
      <c r="D73" s="11"/>
      <c r="E73" s="11"/>
      <c r="F73" s="11"/>
      <c r="G73" s="11"/>
      <c r="H73" s="11"/>
      <c r="I73" s="11"/>
      <c r="J73" s="11"/>
      <c r="K73" s="11"/>
      <c r="L73" s="11"/>
      <c r="M73" s="11"/>
      <c r="N73" s="11"/>
      <c r="O73" s="10" t="s">
        <v>38</v>
      </c>
    </row>
    <row r="74" spans="2:15" ht="18" x14ac:dyDescent="0.25">
      <c r="B74" s="23"/>
      <c r="C74" s="18">
        <v>32388</v>
      </c>
      <c r="D74" s="18">
        <v>8694</v>
      </c>
      <c r="E74" s="20">
        <v>52612</v>
      </c>
      <c r="F74" s="18">
        <v>8541</v>
      </c>
      <c r="G74" s="20">
        <v>33210</v>
      </c>
      <c r="H74" s="18">
        <v>8813</v>
      </c>
      <c r="I74" s="18">
        <v>3844</v>
      </c>
      <c r="J74" s="19">
        <v>394985</v>
      </c>
      <c r="K74" s="18">
        <v>5835</v>
      </c>
      <c r="L74" s="18">
        <v>31896</v>
      </c>
      <c r="M74" s="18">
        <v>8500</v>
      </c>
      <c r="N74" s="18">
        <v>5746</v>
      </c>
      <c r="O74" s="10" t="s">
        <v>39</v>
      </c>
    </row>
  </sheetData>
  <mergeCells count="8">
    <mergeCell ref="B69:B71"/>
    <mergeCell ref="B72:B74"/>
    <mergeCell ref="B51:B53"/>
    <mergeCell ref="B54:B56"/>
    <mergeCell ref="B57:B59"/>
    <mergeCell ref="B60:B62"/>
    <mergeCell ref="B63:B65"/>
    <mergeCell ref="B66:B68"/>
  </mergeCells>
  <phoneticPr fontId="0" type="noConversion"/>
  <pageMargins left="0.75" right="0.75" top="1" bottom="1" header="0.5" footer="0.5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783D0D-BE09-4C76-91F1-3C18016324A6}">
  <dimension ref="A2:O74"/>
  <sheetViews>
    <sheetView topLeftCell="A37" workbookViewId="0">
      <selection activeCell="B50" sqref="B50"/>
    </sheetView>
  </sheetViews>
  <sheetFormatPr defaultRowHeight="12.5" x14ac:dyDescent="0.25"/>
  <cols>
    <col min="1" max="1" width="20.7265625" customWidth="1"/>
    <col min="2" max="2" width="12.7265625" customWidth="1"/>
  </cols>
  <sheetData>
    <row r="2" spans="1:2" x14ac:dyDescent="0.25">
      <c r="A2" t="s">
        <v>0</v>
      </c>
      <c r="B2" t="s">
        <v>1</v>
      </c>
    </row>
    <row r="4" spans="1:2" x14ac:dyDescent="0.25">
      <c r="A4" t="s">
        <v>2</v>
      </c>
      <c r="B4" t="s">
        <v>47</v>
      </c>
    </row>
    <row r="5" spans="1:2" x14ac:dyDescent="0.25">
      <c r="A5" t="s">
        <v>4</v>
      </c>
    </row>
    <row r="6" spans="1:2" x14ac:dyDescent="0.25">
      <c r="A6" t="s">
        <v>5</v>
      </c>
      <c r="B6" t="s">
        <v>6</v>
      </c>
    </row>
    <row r="7" spans="1:2" x14ac:dyDescent="0.25">
      <c r="A7" t="s">
        <v>7</v>
      </c>
      <c r="B7" s="1">
        <v>42944</v>
      </c>
    </row>
    <row r="8" spans="1:2" x14ac:dyDescent="0.25">
      <c r="A8" t="s">
        <v>8</v>
      </c>
      <c r="B8" s="2">
        <v>0.61362268518518526</v>
      </c>
    </row>
    <row r="9" spans="1:2" x14ac:dyDescent="0.25">
      <c r="A9" t="s">
        <v>9</v>
      </c>
      <c r="B9" t="s">
        <v>10</v>
      </c>
    </row>
    <row r="10" spans="1:2" x14ac:dyDescent="0.25">
      <c r="A10" t="s">
        <v>11</v>
      </c>
      <c r="B10">
        <v>1505287</v>
      </c>
    </row>
    <row r="11" spans="1:2" x14ac:dyDescent="0.25">
      <c r="A11" t="s">
        <v>12</v>
      </c>
      <c r="B11" t="s">
        <v>13</v>
      </c>
    </row>
    <row r="13" spans="1:2" ht="13" x14ac:dyDescent="0.25">
      <c r="A13" s="3" t="s">
        <v>14</v>
      </c>
      <c r="B13" s="4"/>
    </row>
    <row r="14" spans="1:2" x14ac:dyDescent="0.25">
      <c r="A14" t="s">
        <v>15</v>
      </c>
      <c r="B14" t="s">
        <v>16</v>
      </c>
    </row>
    <row r="15" spans="1:2" x14ac:dyDescent="0.25">
      <c r="A15" t="s">
        <v>17</v>
      </c>
    </row>
    <row r="16" spans="1:2" x14ac:dyDescent="0.25">
      <c r="A16" t="s">
        <v>18</v>
      </c>
      <c r="B16" t="s">
        <v>19</v>
      </c>
    </row>
    <row r="17" spans="1:2" x14ac:dyDescent="0.25">
      <c r="B17" t="s">
        <v>20</v>
      </c>
    </row>
    <row r="18" spans="1:2" x14ac:dyDescent="0.25">
      <c r="A18" t="s">
        <v>21</v>
      </c>
      <c r="B18" t="s">
        <v>22</v>
      </c>
    </row>
    <row r="19" spans="1:2" x14ac:dyDescent="0.25">
      <c r="B19" t="s">
        <v>23</v>
      </c>
    </row>
    <row r="20" spans="1:2" x14ac:dyDescent="0.25">
      <c r="B20" t="s">
        <v>24</v>
      </c>
    </row>
    <row r="21" spans="1:2" x14ac:dyDescent="0.25">
      <c r="B21" t="s">
        <v>25</v>
      </c>
    </row>
    <row r="22" spans="1:2" x14ac:dyDescent="0.25">
      <c r="B22" t="s">
        <v>26</v>
      </c>
    </row>
    <row r="23" spans="1:2" x14ac:dyDescent="0.25">
      <c r="B23" t="s">
        <v>27</v>
      </c>
    </row>
    <row r="24" spans="1:2" x14ac:dyDescent="0.25">
      <c r="B24" t="s">
        <v>28</v>
      </c>
    </row>
    <row r="25" spans="1:2" x14ac:dyDescent="0.25">
      <c r="B25" t="s">
        <v>29</v>
      </c>
    </row>
    <row r="26" spans="1:2" x14ac:dyDescent="0.25">
      <c r="A26" t="s">
        <v>30</v>
      </c>
      <c r="B26" t="s">
        <v>31</v>
      </c>
    </row>
    <row r="27" spans="1:2" x14ac:dyDescent="0.25">
      <c r="A27" t="s">
        <v>21</v>
      </c>
      <c r="B27" t="s">
        <v>22</v>
      </c>
    </row>
    <row r="28" spans="1:2" x14ac:dyDescent="0.25">
      <c r="B28" t="s">
        <v>32</v>
      </c>
    </row>
    <row r="29" spans="1:2" x14ac:dyDescent="0.25">
      <c r="B29" t="s">
        <v>24</v>
      </c>
    </row>
    <row r="30" spans="1:2" x14ac:dyDescent="0.25">
      <c r="B30" t="s">
        <v>25</v>
      </c>
    </row>
    <row r="31" spans="1:2" x14ac:dyDescent="0.25">
      <c r="B31" t="s">
        <v>26</v>
      </c>
    </row>
    <row r="32" spans="1:2" x14ac:dyDescent="0.25">
      <c r="B32" t="s">
        <v>27</v>
      </c>
    </row>
    <row r="33" spans="1:2" x14ac:dyDescent="0.25">
      <c r="B33" t="s">
        <v>28</v>
      </c>
    </row>
    <row r="34" spans="1:2" x14ac:dyDescent="0.25">
      <c r="B34" t="s">
        <v>29</v>
      </c>
    </row>
    <row r="35" spans="1:2" x14ac:dyDescent="0.25">
      <c r="A35" t="s">
        <v>30</v>
      </c>
      <c r="B35" t="s">
        <v>31</v>
      </c>
    </row>
    <row r="36" spans="1:2" x14ac:dyDescent="0.25">
      <c r="A36" t="s">
        <v>21</v>
      </c>
      <c r="B36" t="s">
        <v>22</v>
      </c>
    </row>
    <row r="37" spans="1:2" x14ac:dyDescent="0.25">
      <c r="B37" t="s">
        <v>33</v>
      </c>
    </row>
    <row r="38" spans="1:2" x14ac:dyDescent="0.25">
      <c r="B38" t="s">
        <v>24</v>
      </c>
    </row>
    <row r="39" spans="1:2" x14ac:dyDescent="0.25">
      <c r="B39" t="s">
        <v>25</v>
      </c>
    </row>
    <row r="40" spans="1:2" x14ac:dyDescent="0.25">
      <c r="B40" t="s">
        <v>26</v>
      </c>
    </row>
    <row r="41" spans="1:2" x14ac:dyDescent="0.25">
      <c r="B41" t="s">
        <v>27</v>
      </c>
    </row>
    <row r="42" spans="1:2" x14ac:dyDescent="0.25">
      <c r="B42" t="s">
        <v>28</v>
      </c>
    </row>
    <row r="43" spans="1:2" x14ac:dyDescent="0.25">
      <c r="B43" t="s">
        <v>29</v>
      </c>
    </row>
    <row r="45" spans="1:2" ht="13" x14ac:dyDescent="0.25">
      <c r="A45" s="3" t="s">
        <v>34</v>
      </c>
      <c r="B45" s="4"/>
    </row>
    <row r="46" spans="1:2" x14ac:dyDescent="0.25">
      <c r="A46" t="s">
        <v>35</v>
      </c>
      <c r="B46">
        <v>37</v>
      </c>
    </row>
    <row r="47" spans="1:2" x14ac:dyDescent="0.25">
      <c r="A47" t="s">
        <v>35</v>
      </c>
      <c r="B47">
        <v>37</v>
      </c>
    </row>
    <row r="48" spans="1:2" x14ac:dyDescent="0.25">
      <c r="A48" t="s">
        <v>35</v>
      </c>
      <c r="B48">
        <v>37.1</v>
      </c>
    </row>
    <row r="50" spans="2:15" x14ac:dyDescent="0.25">
      <c r="B50" s="5"/>
      <c r="C50" s="6">
        <v>1</v>
      </c>
      <c r="D50" s="6">
        <v>2</v>
      </c>
      <c r="E50" s="6">
        <v>3</v>
      </c>
      <c r="F50" s="6">
        <v>4</v>
      </c>
      <c r="G50" s="6">
        <v>5</v>
      </c>
      <c r="H50" s="6">
        <v>6</v>
      </c>
      <c r="I50" s="6">
        <v>7</v>
      </c>
      <c r="J50" s="6">
        <v>8</v>
      </c>
      <c r="K50" s="6">
        <v>9</v>
      </c>
      <c r="L50" s="6">
        <v>10</v>
      </c>
      <c r="M50" s="6">
        <v>11</v>
      </c>
      <c r="N50" s="6">
        <v>12</v>
      </c>
    </row>
    <row r="51" spans="2:15" ht="18" x14ac:dyDescent="0.25">
      <c r="B51" s="21" t="s">
        <v>36</v>
      </c>
      <c r="C51" s="26">
        <v>167558</v>
      </c>
      <c r="D51" s="8">
        <v>22265</v>
      </c>
      <c r="E51" s="13">
        <v>35646</v>
      </c>
      <c r="F51" s="8">
        <v>9664</v>
      </c>
      <c r="G51" s="8">
        <v>28775</v>
      </c>
      <c r="H51" s="8">
        <v>8648</v>
      </c>
      <c r="I51" s="8">
        <v>3473</v>
      </c>
      <c r="J51" s="9">
        <v>394693</v>
      </c>
      <c r="K51" s="8">
        <v>5765</v>
      </c>
      <c r="L51" s="8">
        <v>30150</v>
      </c>
      <c r="M51" s="8">
        <v>8576</v>
      </c>
      <c r="N51" s="8">
        <v>6597</v>
      </c>
      <c r="O51" s="10" t="s">
        <v>37</v>
      </c>
    </row>
    <row r="52" spans="2:15" ht="18" x14ac:dyDescent="0.25">
      <c r="B52" s="22"/>
      <c r="C52" s="11"/>
      <c r="D52" s="11"/>
      <c r="E52" s="11"/>
      <c r="F52" s="11"/>
      <c r="G52" s="11"/>
      <c r="H52" s="11"/>
      <c r="I52" s="11"/>
      <c r="J52" s="11"/>
      <c r="K52" s="11"/>
      <c r="L52" s="11"/>
      <c r="M52" s="11"/>
      <c r="N52" s="11"/>
      <c r="O52" s="10" t="s">
        <v>38</v>
      </c>
    </row>
    <row r="53" spans="2:15" ht="18" x14ac:dyDescent="0.25">
      <c r="B53" s="23"/>
      <c r="C53" s="12"/>
      <c r="D53" s="12"/>
      <c r="E53" s="12"/>
      <c r="F53" s="12"/>
      <c r="G53" s="12"/>
      <c r="H53" s="12"/>
      <c r="I53" s="12"/>
      <c r="J53" s="12"/>
      <c r="K53" s="12"/>
      <c r="L53" s="12"/>
      <c r="M53" s="12"/>
      <c r="N53" s="12"/>
      <c r="O53" s="10" t="s">
        <v>39</v>
      </c>
    </row>
    <row r="54" spans="2:15" ht="18" x14ac:dyDescent="0.25">
      <c r="B54" s="21" t="s">
        <v>40</v>
      </c>
      <c r="C54" s="25">
        <v>126645</v>
      </c>
      <c r="D54" s="8">
        <v>21647</v>
      </c>
      <c r="E54" s="13">
        <v>58833</v>
      </c>
      <c r="F54" s="8">
        <v>9961</v>
      </c>
      <c r="G54" s="13">
        <v>34201</v>
      </c>
      <c r="H54" s="8">
        <v>8513</v>
      </c>
      <c r="I54" s="8">
        <v>3199</v>
      </c>
      <c r="J54" s="9">
        <v>407383</v>
      </c>
      <c r="K54" s="8">
        <v>5037</v>
      </c>
      <c r="L54" s="8">
        <v>30691</v>
      </c>
      <c r="M54" s="8">
        <v>7908</v>
      </c>
      <c r="N54" s="8">
        <v>5129</v>
      </c>
      <c r="O54" s="10" t="s">
        <v>37</v>
      </c>
    </row>
    <row r="55" spans="2:15" ht="18" x14ac:dyDescent="0.25">
      <c r="B55" s="22"/>
      <c r="C55" s="11"/>
      <c r="D55" s="11"/>
      <c r="E55" s="11"/>
      <c r="F55" s="11"/>
      <c r="G55" s="11"/>
      <c r="H55" s="11"/>
      <c r="I55" s="11"/>
      <c r="J55" s="11"/>
      <c r="K55" s="11"/>
      <c r="L55" s="11"/>
      <c r="M55" s="11"/>
      <c r="N55" s="11"/>
      <c r="O55" s="10" t="s">
        <v>38</v>
      </c>
    </row>
    <row r="56" spans="2:15" ht="18" x14ac:dyDescent="0.25">
      <c r="B56" s="23"/>
      <c r="C56" s="12"/>
      <c r="D56" s="12"/>
      <c r="E56" s="12"/>
      <c r="F56" s="12"/>
      <c r="G56" s="12"/>
      <c r="H56" s="12"/>
      <c r="I56" s="12"/>
      <c r="J56" s="12"/>
      <c r="K56" s="12"/>
      <c r="L56" s="12"/>
      <c r="M56" s="12"/>
      <c r="N56" s="12"/>
      <c r="O56" s="10" t="s">
        <v>39</v>
      </c>
    </row>
    <row r="57" spans="2:15" ht="18" x14ac:dyDescent="0.25">
      <c r="B57" s="21" t="s">
        <v>41</v>
      </c>
      <c r="C57" s="14"/>
      <c r="D57" s="14"/>
      <c r="E57" s="14"/>
      <c r="F57" s="14"/>
      <c r="G57" s="14"/>
      <c r="H57" s="14"/>
      <c r="I57" s="14"/>
      <c r="J57" s="14"/>
      <c r="K57" s="14"/>
      <c r="L57" s="14"/>
      <c r="M57" s="14"/>
      <c r="N57" s="14"/>
      <c r="O57" s="10" t="s">
        <v>37</v>
      </c>
    </row>
    <row r="58" spans="2:15" ht="18" x14ac:dyDescent="0.25">
      <c r="B58" s="22"/>
      <c r="C58" s="11"/>
      <c r="D58" s="11"/>
      <c r="E58" s="11"/>
      <c r="F58" s="11"/>
      <c r="G58" s="11"/>
      <c r="H58" s="11"/>
      <c r="I58" s="11"/>
      <c r="J58" s="11"/>
      <c r="K58" s="11"/>
      <c r="L58" s="11"/>
      <c r="M58" s="11"/>
      <c r="N58" s="11"/>
      <c r="O58" s="10" t="s">
        <v>38</v>
      </c>
    </row>
    <row r="59" spans="2:15" ht="18" x14ac:dyDescent="0.25">
      <c r="B59" s="23"/>
      <c r="C59" s="12"/>
      <c r="D59" s="12"/>
      <c r="E59" s="12"/>
      <c r="F59" s="12"/>
      <c r="G59" s="12"/>
      <c r="H59" s="12"/>
      <c r="I59" s="12"/>
      <c r="J59" s="12"/>
      <c r="K59" s="12"/>
      <c r="L59" s="12"/>
      <c r="M59" s="12"/>
      <c r="N59" s="12"/>
      <c r="O59" s="10" t="s">
        <v>39</v>
      </c>
    </row>
    <row r="60" spans="2:15" ht="18" x14ac:dyDescent="0.25">
      <c r="B60" s="21" t="s">
        <v>42</v>
      </c>
      <c r="C60" s="14"/>
      <c r="D60" s="14"/>
      <c r="E60" s="14"/>
      <c r="F60" s="14"/>
      <c r="G60" s="14"/>
      <c r="H60" s="14"/>
      <c r="I60" s="14"/>
      <c r="J60" s="14"/>
      <c r="K60" s="14"/>
      <c r="L60" s="14"/>
      <c r="M60" s="14"/>
      <c r="N60" s="14"/>
      <c r="O60" s="10" t="s">
        <v>37</v>
      </c>
    </row>
    <row r="61" spans="2:15" ht="18" x14ac:dyDescent="0.25">
      <c r="B61" s="22"/>
      <c r="C61" s="15">
        <v>59833</v>
      </c>
      <c r="D61" s="16">
        <v>15056</v>
      </c>
      <c r="E61" s="15">
        <v>37674</v>
      </c>
      <c r="F61" s="16">
        <v>8779</v>
      </c>
      <c r="G61" s="15">
        <v>35061</v>
      </c>
      <c r="H61" s="16">
        <v>8554</v>
      </c>
      <c r="I61" s="16">
        <v>4976</v>
      </c>
      <c r="J61" s="17">
        <v>423369</v>
      </c>
      <c r="K61" s="16">
        <v>4918</v>
      </c>
      <c r="L61" s="15">
        <v>35713</v>
      </c>
      <c r="M61" s="16">
        <v>7927</v>
      </c>
      <c r="N61" s="16">
        <v>5514</v>
      </c>
      <c r="O61" s="10" t="s">
        <v>38</v>
      </c>
    </row>
    <row r="62" spans="2:15" ht="18" x14ac:dyDescent="0.25">
      <c r="B62" s="23"/>
      <c r="C62" s="12"/>
      <c r="D62" s="12"/>
      <c r="E62" s="12"/>
      <c r="F62" s="12"/>
      <c r="G62" s="12"/>
      <c r="H62" s="12"/>
      <c r="I62" s="12"/>
      <c r="J62" s="12"/>
      <c r="K62" s="12"/>
      <c r="L62" s="12"/>
      <c r="M62" s="12"/>
      <c r="N62" s="12"/>
      <c r="O62" s="10" t="s">
        <v>39</v>
      </c>
    </row>
    <row r="63" spans="2:15" ht="18" x14ac:dyDescent="0.25">
      <c r="B63" s="21" t="s">
        <v>43</v>
      </c>
      <c r="C63" s="14"/>
      <c r="D63" s="14"/>
      <c r="E63" s="14"/>
      <c r="F63" s="14"/>
      <c r="G63" s="14"/>
      <c r="H63" s="14"/>
      <c r="I63" s="14"/>
      <c r="J63" s="14"/>
      <c r="K63" s="14"/>
      <c r="L63" s="14"/>
      <c r="M63" s="14"/>
      <c r="N63" s="14"/>
      <c r="O63" s="10" t="s">
        <v>37</v>
      </c>
    </row>
    <row r="64" spans="2:15" ht="18" x14ac:dyDescent="0.25">
      <c r="B64" s="22"/>
      <c r="C64" s="24">
        <v>66394</v>
      </c>
      <c r="D64" s="16">
        <v>11650</v>
      </c>
      <c r="E64" s="15">
        <v>37299</v>
      </c>
      <c r="F64" s="16">
        <v>8568</v>
      </c>
      <c r="G64" s="15">
        <v>34902</v>
      </c>
      <c r="H64" s="16">
        <v>8049</v>
      </c>
      <c r="I64" s="16">
        <v>3208</v>
      </c>
      <c r="J64" s="17">
        <v>402022</v>
      </c>
      <c r="K64" s="16">
        <v>4864</v>
      </c>
      <c r="L64" s="15">
        <v>33833</v>
      </c>
      <c r="M64" s="16">
        <v>7868</v>
      </c>
      <c r="N64" s="16">
        <v>5272</v>
      </c>
      <c r="O64" s="10" t="s">
        <v>38</v>
      </c>
    </row>
    <row r="65" spans="2:15" ht="18" x14ac:dyDescent="0.25">
      <c r="B65" s="23"/>
      <c r="C65" s="12"/>
      <c r="D65" s="12"/>
      <c r="E65" s="12"/>
      <c r="F65" s="12"/>
      <c r="G65" s="12"/>
      <c r="H65" s="12"/>
      <c r="I65" s="12"/>
      <c r="J65" s="12"/>
      <c r="K65" s="12"/>
      <c r="L65" s="12"/>
      <c r="M65" s="12"/>
      <c r="N65" s="12"/>
      <c r="O65" s="10" t="s">
        <v>39</v>
      </c>
    </row>
    <row r="66" spans="2:15" ht="18" x14ac:dyDescent="0.25">
      <c r="B66" s="21" t="s">
        <v>44</v>
      </c>
      <c r="C66" s="14"/>
      <c r="D66" s="14"/>
      <c r="E66" s="14"/>
      <c r="F66" s="14"/>
      <c r="G66" s="14"/>
      <c r="H66" s="14"/>
      <c r="I66" s="14"/>
      <c r="J66" s="14"/>
      <c r="K66" s="14"/>
      <c r="L66" s="14"/>
      <c r="M66" s="14"/>
      <c r="N66" s="14"/>
      <c r="O66" s="10" t="s">
        <v>37</v>
      </c>
    </row>
    <row r="67" spans="2:15" ht="18" x14ac:dyDescent="0.25">
      <c r="B67" s="22"/>
      <c r="C67" s="11"/>
      <c r="D67" s="11"/>
      <c r="E67" s="11"/>
      <c r="F67" s="11"/>
      <c r="G67" s="11"/>
      <c r="H67" s="11"/>
      <c r="I67" s="11"/>
      <c r="J67" s="11"/>
      <c r="K67" s="11"/>
      <c r="L67" s="11"/>
      <c r="M67" s="11"/>
      <c r="N67" s="11"/>
      <c r="O67" s="10" t="s">
        <v>38</v>
      </c>
    </row>
    <row r="68" spans="2:15" ht="18" x14ac:dyDescent="0.25">
      <c r="B68" s="23"/>
      <c r="C68" s="12"/>
      <c r="D68" s="12"/>
      <c r="E68" s="12"/>
      <c r="F68" s="12"/>
      <c r="G68" s="12"/>
      <c r="H68" s="12"/>
      <c r="I68" s="12"/>
      <c r="J68" s="12"/>
      <c r="K68" s="12"/>
      <c r="L68" s="12"/>
      <c r="M68" s="12"/>
      <c r="N68" s="12"/>
      <c r="O68" s="10" t="s">
        <v>39</v>
      </c>
    </row>
    <row r="69" spans="2:15" ht="18" x14ac:dyDescent="0.25">
      <c r="B69" s="21" t="s">
        <v>45</v>
      </c>
      <c r="C69" s="14"/>
      <c r="D69" s="14"/>
      <c r="E69" s="14"/>
      <c r="F69" s="14"/>
      <c r="G69" s="14"/>
      <c r="H69" s="14"/>
      <c r="I69" s="14"/>
      <c r="J69" s="14"/>
      <c r="K69" s="14"/>
      <c r="L69" s="14"/>
      <c r="M69" s="14"/>
      <c r="N69" s="14"/>
      <c r="O69" s="10" t="s">
        <v>37</v>
      </c>
    </row>
    <row r="70" spans="2:15" ht="18" x14ac:dyDescent="0.25">
      <c r="B70" s="22"/>
      <c r="C70" s="11"/>
      <c r="D70" s="11"/>
      <c r="E70" s="11"/>
      <c r="F70" s="11"/>
      <c r="G70" s="11"/>
      <c r="H70" s="11"/>
      <c r="I70" s="11"/>
      <c r="J70" s="11"/>
      <c r="K70" s="11"/>
      <c r="L70" s="11"/>
      <c r="M70" s="11"/>
      <c r="N70" s="11"/>
      <c r="O70" s="10" t="s">
        <v>38</v>
      </c>
    </row>
    <row r="71" spans="2:15" ht="18" x14ac:dyDescent="0.25">
      <c r="B71" s="23"/>
      <c r="C71" s="18">
        <v>26706</v>
      </c>
      <c r="D71" s="18">
        <v>7932</v>
      </c>
      <c r="E71" s="18">
        <v>29628</v>
      </c>
      <c r="F71" s="18">
        <v>8307</v>
      </c>
      <c r="G71" s="18">
        <v>30610</v>
      </c>
      <c r="H71" s="18">
        <v>8580</v>
      </c>
      <c r="I71" s="18">
        <v>3495</v>
      </c>
      <c r="J71" s="19">
        <v>400214</v>
      </c>
      <c r="K71" s="18">
        <v>5167</v>
      </c>
      <c r="L71" s="18">
        <v>31442</v>
      </c>
      <c r="M71" s="18">
        <v>8459</v>
      </c>
      <c r="N71" s="18">
        <v>5534</v>
      </c>
      <c r="O71" s="10" t="s">
        <v>39</v>
      </c>
    </row>
    <row r="72" spans="2:15" ht="18" x14ac:dyDescent="0.25">
      <c r="B72" s="21" t="s">
        <v>46</v>
      </c>
      <c r="C72" s="14"/>
      <c r="D72" s="14"/>
      <c r="E72" s="14"/>
      <c r="F72" s="14"/>
      <c r="G72" s="14"/>
      <c r="H72" s="14"/>
      <c r="I72" s="14"/>
      <c r="J72" s="14"/>
      <c r="K72" s="14"/>
      <c r="L72" s="14"/>
      <c r="M72" s="14"/>
      <c r="N72" s="14"/>
      <c r="O72" s="10" t="s">
        <v>37</v>
      </c>
    </row>
    <row r="73" spans="2:15" ht="18" x14ac:dyDescent="0.25">
      <c r="B73" s="22"/>
      <c r="C73" s="11"/>
      <c r="D73" s="11"/>
      <c r="E73" s="11"/>
      <c r="F73" s="11"/>
      <c r="G73" s="11"/>
      <c r="H73" s="11"/>
      <c r="I73" s="11"/>
      <c r="J73" s="11"/>
      <c r="K73" s="11"/>
      <c r="L73" s="11"/>
      <c r="M73" s="11"/>
      <c r="N73" s="11"/>
      <c r="O73" s="10" t="s">
        <v>38</v>
      </c>
    </row>
    <row r="74" spans="2:15" ht="18" x14ac:dyDescent="0.25">
      <c r="B74" s="23"/>
      <c r="C74" s="18">
        <v>31813</v>
      </c>
      <c r="D74" s="18">
        <v>8182</v>
      </c>
      <c r="E74" s="18">
        <v>30704</v>
      </c>
      <c r="F74" s="18">
        <v>8165</v>
      </c>
      <c r="G74" s="20">
        <v>32365</v>
      </c>
      <c r="H74" s="18">
        <v>8640</v>
      </c>
      <c r="I74" s="18">
        <v>3821</v>
      </c>
      <c r="J74" s="19">
        <v>387404</v>
      </c>
      <c r="K74" s="18">
        <v>5652</v>
      </c>
      <c r="L74" s="18">
        <v>30848</v>
      </c>
      <c r="M74" s="18">
        <v>8254</v>
      </c>
      <c r="N74" s="18">
        <v>5593</v>
      </c>
      <c r="O74" s="10" t="s">
        <v>39</v>
      </c>
    </row>
  </sheetData>
  <mergeCells count="8">
    <mergeCell ref="B69:B71"/>
    <mergeCell ref="B72:B74"/>
    <mergeCell ref="B51:B53"/>
    <mergeCell ref="B54:B56"/>
    <mergeCell ref="B57:B59"/>
    <mergeCell ref="B60:B62"/>
    <mergeCell ref="B63:B65"/>
    <mergeCell ref="B66:B68"/>
  </mergeCells>
  <pageMargins left="0.75" right="0.75" top="1" bottom="1" header="0.5" footer="0.5"/>
  <pageSetup paperSize="9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073512-3C3A-4864-977D-2816395A77C1}">
  <dimension ref="A2:O129"/>
  <sheetViews>
    <sheetView topLeftCell="A79" workbookViewId="0">
      <selection activeCell="C101" sqref="C101"/>
    </sheetView>
  </sheetViews>
  <sheetFormatPr defaultRowHeight="12.5" x14ac:dyDescent="0.25"/>
  <cols>
    <col min="1" max="1" width="20.7265625" customWidth="1"/>
    <col min="2" max="2" width="12.7265625" customWidth="1"/>
  </cols>
  <sheetData>
    <row r="2" spans="1:2" x14ac:dyDescent="0.25">
      <c r="A2" t="s">
        <v>0</v>
      </c>
      <c r="B2" t="s">
        <v>1</v>
      </c>
    </row>
    <row r="4" spans="1:2" x14ac:dyDescent="0.25">
      <c r="A4" t="s">
        <v>2</v>
      </c>
      <c r="B4" t="s">
        <v>53</v>
      </c>
    </row>
    <row r="5" spans="1:2" x14ac:dyDescent="0.25">
      <c r="A5" t="s">
        <v>4</v>
      </c>
    </row>
    <row r="6" spans="1:2" x14ac:dyDescent="0.25">
      <c r="A6" t="s">
        <v>5</v>
      </c>
      <c r="B6" t="s">
        <v>6</v>
      </c>
    </row>
    <row r="7" spans="1:2" x14ac:dyDescent="0.25">
      <c r="A7" t="s">
        <v>7</v>
      </c>
      <c r="B7" s="1">
        <v>42944</v>
      </c>
    </row>
    <row r="8" spans="1:2" x14ac:dyDescent="0.25">
      <c r="A8" t="s">
        <v>8</v>
      </c>
      <c r="B8" s="2">
        <v>0.62291666666666667</v>
      </c>
    </row>
    <row r="9" spans="1:2" x14ac:dyDescent="0.25">
      <c r="A9" t="s">
        <v>9</v>
      </c>
      <c r="B9" t="s">
        <v>10</v>
      </c>
    </row>
    <row r="10" spans="1:2" x14ac:dyDescent="0.25">
      <c r="A10" t="s">
        <v>11</v>
      </c>
      <c r="B10">
        <v>1505287</v>
      </c>
    </row>
    <row r="11" spans="1:2" x14ac:dyDescent="0.25">
      <c r="A11" t="s">
        <v>12</v>
      </c>
      <c r="B11" t="s">
        <v>13</v>
      </c>
    </row>
    <row r="13" spans="1:2" ht="13" x14ac:dyDescent="0.25">
      <c r="A13" s="3" t="s">
        <v>14</v>
      </c>
      <c r="B13" s="4"/>
    </row>
    <row r="14" spans="1:2" x14ac:dyDescent="0.25">
      <c r="A14" t="s">
        <v>15</v>
      </c>
      <c r="B14" t="s">
        <v>16</v>
      </c>
    </row>
    <row r="15" spans="1:2" x14ac:dyDescent="0.25">
      <c r="A15" t="s">
        <v>17</v>
      </c>
    </row>
    <row r="16" spans="1:2" x14ac:dyDescent="0.25">
      <c r="A16" t="s">
        <v>18</v>
      </c>
      <c r="B16" t="s">
        <v>19</v>
      </c>
    </row>
    <row r="17" spans="1:2" x14ac:dyDescent="0.25">
      <c r="B17" t="s">
        <v>20</v>
      </c>
    </row>
    <row r="18" spans="1:2" x14ac:dyDescent="0.25">
      <c r="A18" t="s">
        <v>30</v>
      </c>
      <c r="B18" t="s">
        <v>52</v>
      </c>
    </row>
    <row r="19" spans="1:2" x14ac:dyDescent="0.25">
      <c r="A19" t="s">
        <v>21</v>
      </c>
      <c r="B19" t="s">
        <v>22</v>
      </c>
    </row>
    <row r="20" spans="1:2" x14ac:dyDescent="0.25">
      <c r="B20" t="s">
        <v>23</v>
      </c>
    </row>
    <row r="21" spans="1:2" x14ac:dyDescent="0.25">
      <c r="B21" t="s">
        <v>24</v>
      </c>
    </row>
    <row r="22" spans="1:2" x14ac:dyDescent="0.25">
      <c r="B22" t="s">
        <v>25</v>
      </c>
    </row>
    <row r="23" spans="1:2" x14ac:dyDescent="0.25">
      <c r="B23" t="s">
        <v>26</v>
      </c>
    </row>
    <row r="24" spans="1:2" x14ac:dyDescent="0.25">
      <c r="B24" t="s">
        <v>27</v>
      </c>
    </row>
    <row r="25" spans="1:2" x14ac:dyDescent="0.25">
      <c r="B25" t="s">
        <v>28</v>
      </c>
    </row>
    <row r="26" spans="1:2" x14ac:dyDescent="0.25">
      <c r="B26" t="s">
        <v>29</v>
      </c>
    </row>
    <row r="27" spans="1:2" x14ac:dyDescent="0.25">
      <c r="A27" t="s">
        <v>30</v>
      </c>
      <c r="B27" t="s">
        <v>31</v>
      </c>
    </row>
    <row r="28" spans="1:2" x14ac:dyDescent="0.25">
      <c r="A28" t="s">
        <v>21</v>
      </c>
      <c r="B28" t="s">
        <v>22</v>
      </c>
    </row>
    <row r="29" spans="1:2" x14ac:dyDescent="0.25">
      <c r="B29" t="s">
        <v>32</v>
      </c>
    </row>
    <row r="30" spans="1:2" x14ac:dyDescent="0.25">
      <c r="B30" t="s">
        <v>24</v>
      </c>
    </row>
    <row r="31" spans="1:2" x14ac:dyDescent="0.25">
      <c r="B31" t="s">
        <v>25</v>
      </c>
    </row>
    <row r="32" spans="1:2" x14ac:dyDescent="0.25">
      <c r="B32" t="s">
        <v>26</v>
      </c>
    </row>
    <row r="33" spans="1:2" x14ac:dyDescent="0.25">
      <c r="B33" t="s">
        <v>27</v>
      </c>
    </row>
    <row r="34" spans="1:2" x14ac:dyDescent="0.25">
      <c r="B34" t="s">
        <v>28</v>
      </c>
    </row>
    <row r="35" spans="1:2" x14ac:dyDescent="0.25">
      <c r="B35" t="s">
        <v>29</v>
      </c>
    </row>
    <row r="36" spans="1:2" x14ac:dyDescent="0.25">
      <c r="A36" t="s">
        <v>30</v>
      </c>
      <c r="B36" t="s">
        <v>31</v>
      </c>
    </row>
    <row r="37" spans="1:2" x14ac:dyDescent="0.25">
      <c r="A37" t="s">
        <v>21</v>
      </c>
      <c r="B37" t="s">
        <v>22</v>
      </c>
    </row>
    <row r="38" spans="1:2" x14ac:dyDescent="0.25">
      <c r="B38" t="s">
        <v>33</v>
      </c>
    </row>
    <row r="39" spans="1:2" x14ac:dyDescent="0.25">
      <c r="B39" t="s">
        <v>24</v>
      </c>
    </row>
    <row r="40" spans="1:2" x14ac:dyDescent="0.25">
      <c r="B40" t="s">
        <v>25</v>
      </c>
    </row>
    <row r="41" spans="1:2" x14ac:dyDescent="0.25">
      <c r="B41" t="s">
        <v>26</v>
      </c>
    </row>
    <row r="42" spans="1:2" x14ac:dyDescent="0.25">
      <c r="B42" t="s">
        <v>27</v>
      </c>
    </row>
    <row r="43" spans="1:2" x14ac:dyDescent="0.25">
      <c r="B43" t="s">
        <v>28</v>
      </c>
    </row>
    <row r="44" spans="1:2" x14ac:dyDescent="0.25">
      <c r="B44" t="s">
        <v>29</v>
      </c>
    </row>
    <row r="45" spans="1:2" x14ac:dyDescent="0.25">
      <c r="A45" t="s">
        <v>30</v>
      </c>
      <c r="B45" t="s">
        <v>51</v>
      </c>
    </row>
    <row r="46" spans="1:2" x14ac:dyDescent="0.25">
      <c r="A46" t="s">
        <v>21</v>
      </c>
      <c r="B46" t="s">
        <v>22</v>
      </c>
    </row>
    <row r="47" spans="1:2" x14ac:dyDescent="0.25">
      <c r="B47" t="s">
        <v>23</v>
      </c>
    </row>
    <row r="48" spans="1:2" x14ac:dyDescent="0.25">
      <c r="B48" t="s">
        <v>24</v>
      </c>
    </row>
    <row r="49" spans="1:2" x14ac:dyDescent="0.25">
      <c r="B49" t="s">
        <v>25</v>
      </c>
    </row>
    <row r="50" spans="1:2" x14ac:dyDescent="0.25">
      <c r="B50" t="s">
        <v>26</v>
      </c>
    </row>
    <row r="51" spans="1:2" x14ac:dyDescent="0.25">
      <c r="B51" t="s">
        <v>27</v>
      </c>
    </row>
    <row r="52" spans="1:2" x14ac:dyDescent="0.25">
      <c r="B52" t="s">
        <v>28</v>
      </c>
    </row>
    <row r="53" spans="1:2" x14ac:dyDescent="0.25">
      <c r="B53" t="s">
        <v>29</v>
      </c>
    </row>
    <row r="54" spans="1:2" x14ac:dyDescent="0.25">
      <c r="A54" t="s">
        <v>30</v>
      </c>
      <c r="B54" t="s">
        <v>31</v>
      </c>
    </row>
    <row r="55" spans="1:2" x14ac:dyDescent="0.25">
      <c r="A55" t="s">
        <v>21</v>
      </c>
      <c r="B55" t="s">
        <v>22</v>
      </c>
    </row>
    <row r="56" spans="1:2" x14ac:dyDescent="0.25">
      <c r="B56" t="s">
        <v>32</v>
      </c>
    </row>
    <row r="57" spans="1:2" x14ac:dyDescent="0.25">
      <c r="B57" t="s">
        <v>24</v>
      </c>
    </row>
    <row r="58" spans="1:2" x14ac:dyDescent="0.25">
      <c r="B58" t="s">
        <v>25</v>
      </c>
    </row>
    <row r="59" spans="1:2" x14ac:dyDescent="0.25">
      <c r="B59" t="s">
        <v>26</v>
      </c>
    </row>
    <row r="60" spans="1:2" x14ac:dyDescent="0.25">
      <c r="B60" t="s">
        <v>27</v>
      </c>
    </row>
    <row r="61" spans="1:2" x14ac:dyDescent="0.25">
      <c r="B61" t="s">
        <v>28</v>
      </c>
    </row>
    <row r="62" spans="1:2" x14ac:dyDescent="0.25">
      <c r="B62" t="s">
        <v>29</v>
      </c>
    </row>
    <row r="63" spans="1:2" x14ac:dyDescent="0.25">
      <c r="A63" t="s">
        <v>30</v>
      </c>
      <c r="B63" t="s">
        <v>31</v>
      </c>
    </row>
    <row r="64" spans="1:2" x14ac:dyDescent="0.25">
      <c r="A64" t="s">
        <v>21</v>
      </c>
      <c r="B64" t="s">
        <v>22</v>
      </c>
    </row>
    <row r="65" spans="1:2" x14ac:dyDescent="0.25">
      <c r="B65" t="s">
        <v>33</v>
      </c>
    </row>
    <row r="66" spans="1:2" x14ac:dyDescent="0.25">
      <c r="B66" t="s">
        <v>24</v>
      </c>
    </row>
    <row r="67" spans="1:2" x14ac:dyDescent="0.25">
      <c r="B67" t="s">
        <v>25</v>
      </c>
    </row>
    <row r="68" spans="1:2" x14ac:dyDescent="0.25">
      <c r="B68" t="s">
        <v>26</v>
      </c>
    </row>
    <row r="69" spans="1:2" x14ac:dyDescent="0.25">
      <c r="B69" t="s">
        <v>27</v>
      </c>
    </row>
    <row r="70" spans="1:2" x14ac:dyDescent="0.25">
      <c r="B70" t="s">
        <v>28</v>
      </c>
    </row>
    <row r="71" spans="1:2" x14ac:dyDescent="0.25">
      <c r="B71" t="s">
        <v>29</v>
      </c>
    </row>
    <row r="73" spans="1:2" ht="13" x14ac:dyDescent="0.25">
      <c r="A73" s="3" t="s">
        <v>34</v>
      </c>
      <c r="B73" s="4"/>
    </row>
    <row r="74" spans="1:2" x14ac:dyDescent="0.25">
      <c r="A74" t="s">
        <v>35</v>
      </c>
      <c r="B74">
        <v>37.1</v>
      </c>
    </row>
    <row r="75" spans="1:2" x14ac:dyDescent="0.25">
      <c r="A75" t="s">
        <v>35</v>
      </c>
      <c r="B75">
        <v>37</v>
      </c>
    </row>
    <row r="76" spans="1:2" x14ac:dyDescent="0.25">
      <c r="A76" t="s">
        <v>35</v>
      </c>
      <c r="B76">
        <v>37</v>
      </c>
    </row>
    <row r="77" spans="1:2" x14ac:dyDescent="0.25">
      <c r="A77" t="s">
        <v>35</v>
      </c>
      <c r="B77">
        <v>37.1</v>
      </c>
    </row>
    <row r="78" spans="1:2" x14ac:dyDescent="0.25">
      <c r="A78" t="s">
        <v>35</v>
      </c>
      <c r="B78">
        <v>37.1</v>
      </c>
    </row>
    <row r="79" spans="1:2" x14ac:dyDescent="0.25">
      <c r="A79" t="s">
        <v>35</v>
      </c>
      <c r="B79">
        <v>37.1</v>
      </c>
    </row>
    <row r="81" spans="2:15" x14ac:dyDescent="0.25">
      <c r="B81" s="5"/>
      <c r="C81" s="6">
        <v>1</v>
      </c>
      <c r="D81" s="6">
        <v>2</v>
      </c>
      <c r="E81" s="6">
        <v>3</v>
      </c>
      <c r="F81" s="6">
        <v>4</v>
      </c>
      <c r="G81" s="6">
        <v>5</v>
      </c>
      <c r="H81" s="6">
        <v>6</v>
      </c>
      <c r="I81" s="6">
        <v>7</v>
      </c>
      <c r="J81" s="6">
        <v>8</v>
      </c>
      <c r="K81" s="6">
        <v>9</v>
      </c>
      <c r="L81" s="6">
        <v>10</v>
      </c>
      <c r="M81" s="6">
        <v>11</v>
      </c>
      <c r="N81" s="6">
        <v>12</v>
      </c>
    </row>
    <row r="82" spans="2:15" ht="18" x14ac:dyDescent="0.25">
      <c r="B82" s="21" t="s">
        <v>36</v>
      </c>
      <c r="C82" s="9">
        <v>717598</v>
      </c>
      <c r="D82" s="13">
        <v>73201</v>
      </c>
      <c r="E82" s="13">
        <v>81266</v>
      </c>
      <c r="F82" s="8">
        <v>15300</v>
      </c>
      <c r="G82" s="8">
        <v>32872</v>
      </c>
      <c r="H82" s="8">
        <v>8839</v>
      </c>
      <c r="I82" s="8">
        <v>3355</v>
      </c>
      <c r="J82" s="33">
        <v>372650</v>
      </c>
      <c r="K82" s="8">
        <v>5375</v>
      </c>
      <c r="L82" s="8">
        <v>28784</v>
      </c>
      <c r="M82" s="8">
        <v>8122</v>
      </c>
      <c r="N82" s="8">
        <v>6270</v>
      </c>
      <c r="O82" s="10" t="s">
        <v>37</v>
      </c>
    </row>
    <row r="83" spans="2:15" ht="18" x14ac:dyDescent="0.25">
      <c r="B83" s="22"/>
      <c r="C83" s="11"/>
      <c r="D83" s="11"/>
      <c r="E83" s="11"/>
      <c r="F83" s="11"/>
      <c r="G83" s="11"/>
      <c r="H83" s="11"/>
      <c r="I83" s="11"/>
      <c r="J83" s="11"/>
      <c r="K83" s="11"/>
      <c r="L83" s="11"/>
      <c r="M83" s="11"/>
      <c r="N83" s="11"/>
      <c r="O83" s="10" t="s">
        <v>38</v>
      </c>
    </row>
    <row r="84" spans="2:15" ht="18" x14ac:dyDescent="0.25">
      <c r="B84" s="22"/>
      <c r="C84" s="11"/>
      <c r="D84" s="11"/>
      <c r="E84" s="11"/>
      <c r="F84" s="11"/>
      <c r="G84" s="11"/>
      <c r="H84" s="11"/>
      <c r="I84" s="11"/>
      <c r="J84" s="11"/>
      <c r="K84" s="11"/>
      <c r="L84" s="11"/>
      <c r="M84" s="11"/>
      <c r="N84" s="11"/>
      <c r="O84" s="10" t="s">
        <v>39</v>
      </c>
    </row>
    <row r="85" spans="2:15" ht="18" x14ac:dyDescent="0.25">
      <c r="B85" s="22"/>
      <c r="C85" s="17">
        <v>1523215</v>
      </c>
      <c r="D85" s="15">
        <v>163011</v>
      </c>
      <c r="E85" s="15">
        <v>175854</v>
      </c>
      <c r="F85" s="16">
        <v>29386</v>
      </c>
      <c r="G85" s="16">
        <v>41904</v>
      </c>
      <c r="H85" s="16">
        <v>9748</v>
      </c>
      <c r="I85" s="16">
        <v>3238</v>
      </c>
      <c r="J85" s="32">
        <v>354526</v>
      </c>
      <c r="K85" s="16">
        <v>5143</v>
      </c>
      <c r="L85" s="16">
        <v>27235</v>
      </c>
      <c r="M85" s="16">
        <v>7642</v>
      </c>
      <c r="N85" s="16">
        <v>5863</v>
      </c>
      <c r="O85" s="10" t="s">
        <v>50</v>
      </c>
    </row>
    <row r="86" spans="2:15" ht="18" x14ac:dyDescent="0.25">
      <c r="B86" s="22"/>
      <c r="C86" s="11"/>
      <c r="D86" s="11"/>
      <c r="E86" s="11"/>
      <c r="F86" s="11"/>
      <c r="G86" s="11"/>
      <c r="H86" s="11"/>
      <c r="I86" s="11"/>
      <c r="J86" s="11"/>
      <c r="K86" s="11"/>
      <c r="L86" s="11"/>
      <c r="M86" s="11"/>
      <c r="N86" s="11"/>
      <c r="O86" s="10" t="s">
        <v>49</v>
      </c>
    </row>
    <row r="87" spans="2:15" ht="18" x14ac:dyDescent="0.25">
      <c r="B87" s="23"/>
      <c r="C87" s="12"/>
      <c r="D87" s="12"/>
      <c r="E87" s="12"/>
      <c r="F87" s="12"/>
      <c r="G87" s="12"/>
      <c r="H87" s="12"/>
      <c r="I87" s="12"/>
      <c r="J87" s="12"/>
      <c r="K87" s="12"/>
      <c r="L87" s="12"/>
      <c r="M87" s="12"/>
      <c r="N87" s="12"/>
      <c r="O87" s="10" t="s">
        <v>48</v>
      </c>
    </row>
    <row r="88" spans="2:15" ht="18" x14ac:dyDescent="0.25">
      <c r="B88" s="21" t="s">
        <v>40</v>
      </c>
      <c r="C88" s="34">
        <v>527254</v>
      </c>
      <c r="D88" s="13">
        <v>76640</v>
      </c>
      <c r="E88" s="7">
        <v>114609</v>
      </c>
      <c r="F88" s="8">
        <v>18119</v>
      </c>
      <c r="G88" s="8">
        <v>39334</v>
      </c>
      <c r="H88" s="8">
        <v>8694</v>
      </c>
      <c r="I88" s="8">
        <v>3092</v>
      </c>
      <c r="J88" s="33">
        <v>395070</v>
      </c>
      <c r="K88" s="8">
        <v>4712</v>
      </c>
      <c r="L88" s="8">
        <v>28998</v>
      </c>
      <c r="M88" s="8">
        <v>7423</v>
      </c>
      <c r="N88" s="8">
        <v>4790</v>
      </c>
      <c r="O88" s="10" t="s">
        <v>37</v>
      </c>
    </row>
    <row r="89" spans="2:15" ht="18" x14ac:dyDescent="0.25">
      <c r="B89" s="22"/>
      <c r="C89" s="11"/>
      <c r="D89" s="11"/>
      <c r="E89" s="11"/>
      <c r="F89" s="11"/>
      <c r="G89" s="11"/>
      <c r="H89" s="11"/>
      <c r="I89" s="11"/>
      <c r="J89" s="11"/>
      <c r="K89" s="11"/>
      <c r="L89" s="11"/>
      <c r="M89" s="11"/>
      <c r="N89" s="11"/>
      <c r="O89" s="10" t="s">
        <v>38</v>
      </c>
    </row>
    <row r="90" spans="2:15" ht="18" x14ac:dyDescent="0.25">
      <c r="B90" s="22"/>
      <c r="C90" s="11"/>
      <c r="D90" s="11"/>
      <c r="E90" s="11"/>
      <c r="F90" s="11"/>
      <c r="G90" s="11"/>
      <c r="H90" s="11"/>
      <c r="I90" s="11"/>
      <c r="J90" s="11"/>
      <c r="K90" s="11"/>
      <c r="L90" s="11"/>
      <c r="M90" s="11"/>
      <c r="N90" s="11"/>
      <c r="O90" s="10" t="s">
        <v>39</v>
      </c>
    </row>
    <row r="91" spans="2:15" ht="18" x14ac:dyDescent="0.25">
      <c r="B91" s="22"/>
      <c r="C91" s="29">
        <v>1160419</v>
      </c>
      <c r="D91" s="15">
        <v>171307</v>
      </c>
      <c r="E91" s="24">
        <v>255098</v>
      </c>
      <c r="F91" s="16">
        <v>30359</v>
      </c>
      <c r="G91" s="16">
        <v>52553</v>
      </c>
      <c r="H91" s="16">
        <v>9927</v>
      </c>
      <c r="I91" s="16">
        <v>2958</v>
      </c>
      <c r="J91" s="32">
        <v>372372</v>
      </c>
      <c r="K91" s="16">
        <v>4467</v>
      </c>
      <c r="L91" s="16">
        <v>27777</v>
      </c>
      <c r="M91" s="16">
        <v>7217</v>
      </c>
      <c r="N91" s="16">
        <v>4524</v>
      </c>
      <c r="O91" s="10" t="s">
        <v>50</v>
      </c>
    </row>
    <row r="92" spans="2:15" ht="18" x14ac:dyDescent="0.25">
      <c r="B92" s="22"/>
      <c r="C92" s="11"/>
      <c r="D92" s="11"/>
      <c r="E92" s="11"/>
      <c r="F92" s="11"/>
      <c r="G92" s="11"/>
      <c r="H92" s="11"/>
      <c r="I92" s="11"/>
      <c r="J92" s="11"/>
      <c r="K92" s="11"/>
      <c r="L92" s="11"/>
      <c r="M92" s="11"/>
      <c r="N92" s="11"/>
      <c r="O92" s="10" t="s">
        <v>49</v>
      </c>
    </row>
    <row r="93" spans="2:15" ht="18" x14ac:dyDescent="0.25">
      <c r="B93" s="23"/>
      <c r="C93" s="12"/>
      <c r="D93" s="12"/>
      <c r="E93" s="12"/>
      <c r="F93" s="12"/>
      <c r="G93" s="12"/>
      <c r="H93" s="12"/>
      <c r="I93" s="12"/>
      <c r="J93" s="12"/>
      <c r="K93" s="12"/>
      <c r="L93" s="12"/>
      <c r="M93" s="12"/>
      <c r="N93" s="12"/>
      <c r="O93" s="10" t="s">
        <v>48</v>
      </c>
    </row>
    <row r="94" spans="2:15" ht="18" x14ac:dyDescent="0.25">
      <c r="B94" s="21" t="s">
        <v>41</v>
      </c>
      <c r="C94" s="14"/>
      <c r="D94" s="14"/>
      <c r="E94" s="14"/>
      <c r="F94" s="14"/>
      <c r="G94" s="14"/>
      <c r="H94" s="14"/>
      <c r="I94" s="14"/>
      <c r="J94" s="14"/>
      <c r="K94" s="14"/>
      <c r="L94" s="14"/>
      <c r="M94" s="14"/>
      <c r="N94" s="14"/>
      <c r="O94" s="10" t="s">
        <v>37</v>
      </c>
    </row>
    <row r="95" spans="2:15" ht="18" x14ac:dyDescent="0.25">
      <c r="B95" s="22"/>
      <c r="C95" s="11"/>
      <c r="D95" s="11"/>
      <c r="E95" s="11"/>
      <c r="F95" s="11"/>
      <c r="G95" s="11"/>
      <c r="H95" s="11"/>
      <c r="I95" s="11"/>
      <c r="J95" s="11"/>
      <c r="K95" s="11"/>
      <c r="L95" s="11"/>
      <c r="M95" s="11"/>
      <c r="N95" s="11"/>
      <c r="O95" s="10" t="s">
        <v>38</v>
      </c>
    </row>
    <row r="96" spans="2:15" ht="18" x14ac:dyDescent="0.25">
      <c r="B96" s="22"/>
      <c r="C96" s="11"/>
      <c r="D96" s="11"/>
      <c r="E96" s="11"/>
      <c r="F96" s="11"/>
      <c r="G96" s="11"/>
      <c r="H96" s="11"/>
      <c r="I96" s="11"/>
      <c r="J96" s="11"/>
      <c r="K96" s="11"/>
      <c r="L96" s="11"/>
      <c r="M96" s="11"/>
      <c r="N96" s="11"/>
      <c r="O96" s="10" t="s">
        <v>39</v>
      </c>
    </row>
    <row r="97" spans="2:15" ht="18" x14ac:dyDescent="0.25">
      <c r="B97" s="22"/>
      <c r="C97" s="11"/>
      <c r="D97" s="11"/>
      <c r="E97" s="11"/>
      <c r="F97" s="11"/>
      <c r="G97" s="11"/>
      <c r="H97" s="11"/>
      <c r="I97" s="11"/>
      <c r="J97" s="11"/>
      <c r="K97" s="11"/>
      <c r="L97" s="11"/>
      <c r="M97" s="11"/>
      <c r="N97" s="11"/>
      <c r="O97" s="10" t="s">
        <v>50</v>
      </c>
    </row>
    <row r="98" spans="2:15" ht="18" x14ac:dyDescent="0.25">
      <c r="B98" s="22"/>
      <c r="C98" s="11"/>
      <c r="D98" s="11"/>
      <c r="E98" s="11"/>
      <c r="F98" s="11"/>
      <c r="G98" s="11"/>
      <c r="H98" s="11"/>
      <c r="I98" s="11"/>
      <c r="J98" s="11"/>
      <c r="K98" s="11"/>
      <c r="L98" s="11"/>
      <c r="M98" s="11"/>
      <c r="N98" s="11"/>
      <c r="O98" s="10" t="s">
        <v>49</v>
      </c>
    </row>
    <row r="99" spans="2:15" ht="18" x14ac:dyDescent="0.25">
      <c r="B99" s="23"/>
      <c r="C99" s="12"/>
      <c r="D99" s="12"/>
      <c r="E99" s="12"/>
      <c r="F99" s="12"/>
      <c r="G99" s="12"/>
      <c r="H99" s="12"/>
      <c r="I99" s="12"/>
      <c r="J99" s="12"/>
      <c r="K99" s="12"/>
      <c r="L99" s="12"/>
      <c r="M99" s="12"/>
      <c r="N99" s="12"/>
      <c r="O99" s="10" t="s">
        <v>48</v>
      </c>
    </row>
    <row r="100" spans="2:15" ht="18" x14ac:dyDescent="0.25">
      <c r="B100" s="21" t="s">
        <v>42</v>
      </c>
      <c r="C100" s="14"/>
      <c r="D100" s="14"/>
      <c r="E100" s="14"/>
      <c r="F100" s="14"/>
      <c r="G100" s="14"/>
      <c r="H100" s="14"/>
      <c r="I100" s="14"/>
      <c r="J100" s="14"/>
      <c r="K100" s="14"/>
      <c r="L100" s="14"/>
      <c r="M100" s="14"/>
      <c r="N100" s="14"/>
      <c r="O100" s="10" t="s">
        <v>37</v>
      </c>
    </row>
    <row r="101" spans="2:15" ht="18" x14ac:dyDescent="0.25">
      <c r="B101" s="22"/>
      <c r="C101" s="31">
        <v>179490</v>
      </c>
      <c r="D101" s="16">
        <v>28496</v>
      </c>
      <c r="E101" s="15">
        <v>52005</v>
      </c>
      <c r="F101" s="16">
        <v>9824</v>
      </c>
      <c r="G101" s="15">
        <v>35375</v>
      </c>
      <c r="H101" s="16">
        <v>8312</v>
      </c>
      <c r="I101" s="16">
        <v>4708</v>
      </c>
      <c r="J101" s="17">
        <v>398675</v>
      </c>
      <c r="K101" s="16">
        <v>4677</v>
      </c>
      <c r="L101" s="15">
        <v>33771</v>
      </c>
      <c r="M101" s="16">
        <v>7324</v>
      </c>
      <c r="N101" s="16">
        <v>5268</v>
      </c>
      <c r="O101" s="10" t="s">
        <v>38</v>
      </c>
    </row>
    <row r="102" spans="2:15" ht="18" x14ac:dyDescent="0.25">
      <c r="B102" s="22"/>
      <c r="C102" s="11"/>
      <c r="D102" s="11"/>
      <c r="E102" s="11"/>
      <c r="F102" s="11"/>
      <c r="G102" s="11"/>
      <c r="H102" s="11"/>
      <c r="I102" s="11"/>
      <c r="J102" s="11"/>
      <c r="K102" s="11"/>
      <c r="L102" s="11"/>
      <c r="M102" s="11"/>
      <c r="N102" s="11"/>
      <c r="O102" s="10" t="s">
        <v>39</v>
      </c>
    </row>
    <row r="103" spans="2:15" ht="18" x14ac:dyDescent="0.25">
      <c r="B103" s="22"/>
      <c r="C103" s="11"/>
      <c r="D103" s="11"/>
      <c r="E103" s="11"/>
      <c r="F103" s="11"/>
      <c r="G103" s="11"/>
      <c r="H103" s="11"/>
      <c r="I103" s="11"/>
      <c r="J103" s="11"/>
      <c r="K103" s="11"/>
      <c r="L103" s="11"/>
      <c r="M103" s="11"/>
      <c r="N103" s="11"/>
      <c r="O103" s="10" t="s">
        <v>50</v>
      </c>
    </row>
    <row r="104" spans="2:15" ht="18" x14ac:dyDescent="0.25">
      <c r="B104" s="22"/>
      <c r="C104" s="30">
        <v>448215</v>
      </c>
      <c r="D104" s="15">
        <v>57402</v>
      </c>
      <c r="E104" s="24">
        <v>84689</v>
      </c>
      <c r="F104" s="16">
        <v>13388</v>
      </c>
      <c r="G104" s="16">
        <v>36911</v>
      </c>
      <c r="H104" s="16">
        <v>8260</v>
      </c>
      <c r="I104" s="16">
        <v>4532</v>
      </c>
      <c r="J104" s="29">
        <v>384874</v>
      </c>
      <c r="K104" s="16">
        <v>4455</v>
      </c>
      <c r="L104" s="16">
        <v>32252</v>
      </c>
      <c r="M104" s="16">
        <v>7068</v>
      </c>
      <c r="N104" s="16">
        <v>4861</v>
      </c>
      <c r="O104" s="10" t="s">
        <v>49</v>
      </c>
    </row>
    <row r="105" spans="2:15" ht="18" x14ac:dyDescent="0.25">
      <c r="B105" s="23"/>
      <c r="C105" s="12"/>
      <c r="D105" s="12"/>
      <c r="E105" s="12"/>
      <c r="F105" s="12"/>
      <c r="G105" s="12"/>
      <c r="H105" s="12"/>
      <c r="I105" s="12"/>
      <c r="J105" s="12"/>
      <c r="K105" s="12"/>
      <c r="L105" s="12"/>
      <c r="M105" s="12"/>
      <c r="N105" s="12"/>
      <c r="O105" s="10" t="s">
        <v>48</v>
      </c>
    </row>
    <row r="106" spans="2:15" ht="18" x14ac:dyDescent="0.25">
      <c r="B106" s="21" t="s">
        <v>43</v>
      </c>
      <c r="C106" s="14"/>
      <c r="D106" s="14"/>
      <c r="E106" s="14"/>
      <c r="F106" s="14"/>
      <c r="G106" s="14"/>
      <c r="H106" s="14"/>
      <c r="I106" s="14"/>
      <c r="J106" s="14"/>
      <c r="K106" s="14"/>
      <c r="L106" s="14"/>
      <c r="M106" s="14"/>
      <c r="N106" s="14"/>
      <c r="O106" s="10" t="s">
        <v>37</v>
      </c>
    </row>
    <row r="107" spans="2:15" ht="18" x14ac:dyDescent="0.25">
      <c r="B107" s="22"/>
      <c r="C107" s="28">
        <v>207202</v>
      </c>
      <c r="D107" s="16">
        <v>25961</v>
      </c>
      <c r="E107" s="15">
        <v>50796</v>
      </c>
      <c r="F107" s="16">
        <v>9946</v>
      </c>
      <c r="G107" s="15">
        <v>34834</v>
      </c>
      <c r="H107" s="16">
        <v>7753</v>
      </c>
      <c r="I107" s="16">
        <v>3006</v>
      </c>
      <c r="J107" s="17">
        <v>382807</v>
      </c>
      <c r="K107" s="16">
        <v>4464</v>
      </c>
      <c r="L107" s="15">
        <v>32202</v>
      </c>
      <c r="M107" s="16">
        <v>7455</v>
      </c>
      <c r="N107" s="16">
        <v>4966</v>
      </c>
      <c r="O107" s="10" t="s">
        <v>38</v>
      </c>
    </row>
    <row r="108" spans="2:15" ht="18" x14ac:dyDescent="0.25">
      <c r="B108" s="22"/>
      <c r="C108" s="11"/>
      <c r="D108" s="11"/>
      <c r="E108" s="11"/>
      <c r="F108" s="11"/>
      <c r="G108" s="11"/>
      <c r="H108" s="11"/>
      <c r="I108" s="11"/>
      <c r="J108" s="11"/>
      <c r="K108" s="11"/>
      <c r="L108" s="11"/>
      <c r="M108" s="11"/>
      <c r="N108" s="11"/>
      <c r="O108" s="10" t="s">
        <v>39</v>
      </c>
    </row>
    <row r="109" spans="2:15" ht="18" x14ac:dyDescent="0.25">
      <c r="B109" s="22"/>
      <c r="C109" s="11"/>
      <c r="D109" s="11"/>
      <c r="E109" s="11"/>
      <c r="F109" s="11"/>
      <c r="G109" s="11"/>
      <c r="H109" s="11"/>
      <c r="I109" s="11"/>
      <c r="J109" s="11"/>
      <c r="K109" s="11"/>
      <c r="L109" s="11"/>
      <c r="M109" s="11"/>
      <c r="N109" s="11"/>
      <c r="O109" s="10" t="s">
        <v>50</v>
      </c>
    </row>
    <row r="110" spans="2:15" ht="18" x14ac:dyDescent="0.25">
      <c r="B110" s="22"/>
      <c r="C110" s="17">
        <v>516419</v>
      </c>
      <c r="D110" s="15">
        <v>55898</v>
      </c>
      <c r="E110" s="24">
        <v>80922</v>
      </c>
      <c r="F110" s="16">
        <v>13032</v>
      </c>
      <c r="G110" s="16">
        <v>37128</v>
      </c>
      <c r="H110" s="16">
        <v>7708</v>
      </c>
      <c r="I110" s="16">
        <v>3033</v>
      </c>
      <c r="J110" s="27">
        <v>368893</v>
      </c>
      <c r="K110" s="16">
        <v>4337</v>
      </c>
      <c r="L110" s="16">
        <v>30733</v>
      </c>
      <c r="M110" s="16">
        <v>6858</v>
      </c>
      <c r="N110" s="16">
        <v>4641</v>
      </c>
      <c r="O110" s="10" t="s">
        <v>49</v>
      </c>
    </row>
    <row r="111" spans="2:15" ht="18" x14ac:dyDescent="0.25">
      <c r="B111" s="23"/>
      <c r="C111" s="12"/>
      <c r="D111" s="12"/>
      <c r="E111" s="12"/>
      <c r="F111" s="12"/>
      <c r="G111" s="12"/>
      <c r="H111" s="12"/>
      <c r="I111" s="12"/>
      <c r="J111" s="12"/>
      <c r="K111" s="12"/>
      <c r="L111" s="12"/>
      <c r="M111" s="12"/>
      <c r="N111" s="12"/>
      <c r="O111" s="10" t="s">
        <v>48</v>
      </c>
    </row>
    <row r="112" spans="2:15" ht="18" x14ac:dyDescent="0.25">
      <c r="B112" s="21" t="s">
        <v>44</v>
      </c>
      <c r="C112" s="14"/>
      <c r="D112" s="14"/>
      <c r="E112" s="14"/>
      <c r="F112" s="14"/>
      <c r="G112" s="14"/>
      <c r="H112" s="14"/>
      <c r="I112" s="14"/>
      <c r="J112" s="14"/>
      <c r="K112" s="14"/>
      <c r="L112" s="14"/>
      <c r="M112" s="14"/>
      <c r="N112" s="14"/>
      <c r="O112" s="10" t="s">
        <v>37</v>
      </c>
    </row>
    <row r="113" spans="2:15" ht="18" x14ac:dyDescent="0.25">
      <c r="B113" s="22"/>
      <c r="C113" s="11"/>
      <c r="D113" s="11"/>
      <c r="E113" s="11"/>
      <c r="F113" s="11"/>
      <c r="G113" s="11"/>
      <c r="H113" s="11"/>
      <c r="I113" s="11"/>
      <c r="J113" s="11"/>
      <c r="K113" s="11"/>
      <c r="L113" s="11"/>
      <c r="M113" s="11"/>
      <c r="N113" s="11"/>
      <c r="O113" s="10" t="s">
        <v>38</v>
      </c>
    </row>
    <row r="114" spans="2:15" ht="18" x14ac:dyDescent="0.25">
      <c r="B114" s="22"/>
      <c r="C114" s="11"/>
      <c r="D114" s="11"/>
      <c r="E114" s="11"/>
      <c r="F114" s="11"/>
      <c r="G114" s="11"/>
      <c r="H114" s="11"/>
      <c r="I114" s="11"/>
      <c r="J114" s="11"/>
      <c r="K114" s="11"/>
      <c r="L114" s="11"/>
      <c r="M114" s="11"/>
      <c r="N114" s="11"/>
      <c r="O114" s="10" t="s">
        <v>39</v>
      </c>
    </row>
    <row r="115" spans="2:15" ht="18" x14ac:dyDescent="0.25">
      <c r="B115" s="22"/>
      <c r="C115" s="11"/>
      <c r="D115" s="11"/>
      <c r="E115" s="11"/>
      <c r="F115" s="11"/>
      <c r="G115" s="11"/>
      <c r="H115" s="11"/>
      <c r="I115" s="11"/>
      <c r="J115" s="11"/>
      <c r="K115" s="11"/>
      <c r="L115" s="11"/>
      <c r="M115" s="11"/>
      <c r="N115" s="11"/>
      <c r="O115" s="10" t="s">
        <v>50</v>
      </c>
    </row>
    <row r="116" spans="2:15" ht="18" x14ac:dyDescent="0.25">
      <c r="B116" s="22"/>
      <c r="C116" s="11"/>
      <c r="D116" s="11"/>
      <c r="E116" s="11"/>
      <c r="F116" s="11"/>
      <c r="G116" s="11"/>
      <c r="H116" s="11"/>
      <c r="I116" s="11"/>
      <c r="J116" s="11"/>
      <c r="K116" s="11"/>
      <c r="L116" s="11"/>
      <c r="M116" s="11"/>
      <c r="N116" s="11"/>
      <c r="O116" s="10" t="s">
        <v>49</v>
      </c>
    </row>
    <row r="117" spans="2:15" ht="18" x14ac:dyDescent="0.25">
      <c r="B117" s="23"/>
      <c r="C117" s="12"/>
      <c r="D117" s="12"/>
      <c r="E117" s="12"/>
      <c r="F117" s="12"/>
      <c r="G117" s="12"/>
      <c r="H117" s="12"/>
      <c r="I117" s="12"/>
      <c r="J117" s="12"/>
      <c r="K117" s="12"/>
      <c r="L117" s="12"/>
      <c r="M117" s="12"/>
      <c r="N117" s="12"/>
      <c r="O117" s="10" t="s">
        <v>48</v>
      </c>
    </row>
    <row r="118" spans="2:15" ht="18" x14ac:dyDescent="0.25">
      <c r="B118" s="21" t="s">
        <v>45</v>
      </c>
      <c r="C118" s="14"/>
      <c r="D118" s="14"/>
      <c r="E118" s="14"/>
      <c r="F118" s="14"/>
      <c r="G118" s="14"/>
      <c r="H118" s="14"/>
      <c r="I118" s="14"/>
      <c r="J118" s="14"/>
      <c r="K118" s="14"/>
      <c r="L118" s="14"/>
      <c r="M118" s="14"/>
      <c r="N118" s="14"/>
      <c r="O118" s="10" t="s">
        <v>37</v>
      </c>
    </row>
    <row r="119" spans="2:15" ht="18" x14ac:dyDescent="0.25">
      <c r="B119" s="22"/>
      <c r="C119" s="11"/>
      <c r="D119" s="11"/>
      <c r="E119" s="11"/>
      <c r="F119" s="11"/>
      <c r="G119" s="11"/>
      <c r="H119" s="11"/>
      <c r="I119" s="11"/>
      <c r="J119" s="11"/>
      <c r="K119" s="11"/>
      <c r="L119" s="11"/>
      <c r="M119" s="11"/>
      <c r="N119" s="11"/>
      <c r="O119" s="10" t="s">
        <v>38</v>
      </c>
    </row>
    <row r="120" spans="2:15" ht="18" x14ac:dyDescent="0.25">
      <c r="B120" s="22"/>
      <c r="C120" s="16">
        <v>26610</v>
      </c>
      <c r="D120" s="16">
        <v>7532</v>
      </c>
      <c r="E120" s="16">
        <v>29019</v>
      </c>
      <c r="F120" s="16">
        <v>7907</v>
      </c>
      <c r="G120" s="16">
        <v>29715</v>
      </c>
      <c r="H120" s="16">
        <v>8043</v>
      </c>
      <c r="I120" s="16">
        <v>3331</v>
      </c>
      <c r="J120" s="17">
        <v>391237</v>
      </c>
      <c r="K120" s="16">
        <v>4764</v>
      </c>
      <c r="L120" s="16">
        <v>30577</v>
      </c>
      <c r="M120" s="16">
        <v>7944</v>
      </c>
      <c r="N120" s="16">
        <v>5249</v>
      </c>
      <c r="O120" s="10" t="s">
        <v>39</v>
      </c>
    </row>
    <row r="121" spans="2:15" ht="18" x14ac:dyDescent="0.25">
      <c r="B121" s="22"/>
      <c r="C121" s="11"/>
      <c r="D121" s="11"/>
      <c r="E121" s="11"/>
      <c r="F121" s="11"/>
      <c r="G121" s="11"/>
      <c r="H121" s="11"/>
      <c r="I121" s="11"/>
      <c r="J121" s="11"/>
      <c r="K121" s="11"/>
      <c r="L121" s="11"/>
      <c r="M121" s="11"/>
      <c r="N121" s="11"/>
      <c r="O121" s="10" t="s">
        <v>50</v>
      </c>
    </row>
    <row r="122" spans="2:15" ht="18" x14ac:dyDescent="0.25">
      <c r="B122" s="22"/>
      <c r="C122" s="11"/>
      <c r="D122" s="11"/>
      <c r="E122" s="11"/>
      <c r="F122" s="11"/>
      <c r="G122" s="11"/>
      <c r="H122" s="11"/>
      <c r="I122" s="11"/>
      <c r="J122" s="11"/>
      <c r="K122" s="11"/>
      <c r="L122" s="11"/>
      <c r="M122" s="11"/>
      <c r="N122" s="11"/>
      <c r="O122" s="10" t="s">
        <v>49</v>
      </c>
    </row>
    <row r="123" spans="2:15" ht="18" x14ac:dyDescent="0.25">
      <c r="B123" s="23"/>
      <c r="C123" s="18">
        <v>25737</v>
      </c>
      <c r="D123" s="18">
        <v>7282</v>
      </c>
      <c r="E123" s="18">
        <v>28167</v>
      </c>
      <c r="F123" s="18">
        <v>7463</v>
      </c>
      <c r="G123" s="18">
        <v>28618</v>
      </c>
      <c r="H123" s="18">
        <v>7673</v>
      </c>
      <c r="I123" s="18">
        <v>3255</v>
      </c>
      <c r="J123" s="19">
        <v>365854</v>
      </c>
      <c r="K123" s="18">
        <v>4593</v>
      </c>
      <c r="L123" s="18">
        <v>28686</v>
      </c>
      <c r="M123" s="18">
        <v>7405</v>
      </c>
      <c r="N123" s="18">
        <v>4956</v>
      </c>
      <c r="O123" s="10" t="s">
        <v>48</v>
      </c>
    </row>
    <row r="124" spans="2:15" ht="18" x14ac:dyDescent="0.25">
      <c r="B124" s="21" t="s">
        <v>46</v>
      </c>
      <c r="C124" s="14"/>
      <c r="D124" s="14"/>
      <c r="E124" s="14"/>
      <c r="F124" s="14"/>
      <c r="G124" s="14"/>
      <c r="H124" s="14"/>
      <c r="I124" s="14"/>
      <c r="J124" s="14"/>
      <c r="K124" s="14"/>
      <c r="L124" s="14"/>
      <c r="M124" s="14"/>
      <c r="N124" s="14"/>
      <c r="O124" s="10" t="s">
        <v>37</v>
      </c>
    </row>
    <row r="125" spans="2:15" ht="18" x14ac:dyDescent="0.25">
      <c r="B125" s="22"/>
      <c r="C125" s="11"/>
      <c r="D125" s="11"/>
      <c r="E125" s="11"/>
      <c r="F125" s="11"/>
      <c r="G125" s="11"/>
      <c r="H125" s="11"/>
      <c r="I125" s="11"/>
      <c r="J125" s="11"/>
      <c r="K125" s="11"/>
      <c r="L125" s="11"/>
      <c r="M125" s="11"/>
      <c r="N125" s="11"/>
      <c r="O125" s="10" t="s">
        <v>38</v>
      </c>
    </row>
    <row r="126" spans="2:15" ht="18" x14ac:dyDescent="0.25">
      <c r="B126" s="22"/>
      <c r="C126" s="15">
        <v>31661</v>
      </c>
      <c r="D126" s="16">
        <v>8017</v>
      </c>
      <c r="E126" s="16">
        <v>30891</v>
      </c>
      <c r="F126" s="16">
        <v>7926</v>
      </c>
      <c r="G126" s="15">
        <v>31315</v>
      </c>
      <c r="H126" s="16">
        <v>8140</v>
      </c>
      <c r="I126" s="16">
        <v>3607</v>
      </c>
      <c r="J126" s="17">
        <v>375604</v>
      </c>
      <c r="K126" s="16">
        <v>5276</v>
      </c>
      <c r="L126" s="16">
        <v>29628</v>
      </c>
      <c r="M126" s="16">
        <v>7782</v>
      </c>
      <c r="N126" s="16">
        <v>5128</v>
      </c>
      <c r="O126" s="10" t="s">
        <v>39</v>
      </c>
    </row>
    <row r="127" spans="2:15" ht="18" x14ac:dyDescent="0.25">
      <c r="B127" s="22"/>
      <c r="C127" s="11"/>
      <c r="D127" s="11"/>
      <c r="E127" s="11"/>
      <c r="F127" s="11"/>
      <c r="G127" s="11"/>
      <c r="H127" s="11"/>
      <c r="I127" s="11"/>
      <c r="J127" s="11"/>
      <c r="K127" s="11"/>
      <c r="L127" s="11"/>
      <c r="M127" s="11"/>
      <c r="N127" s="11"/>
      <c r="O127" s="10" t="s">
        <v>50</v>
      </c>
    </row>
    <row r="128" spans="2:15" ht="18" x14ac:dyDescent="0.25">
      <c r="B128" s="22"/>
      <c r="C128" s="11"/>
      <c r="D128" s="11"/>
      <c r="E128" s="11"/>
      <c r="F128" s="11"/>
      <c r="G128" s="11"/>
      <c r="H128" s="11"/>
      <c r="I128" s="11"/>
      <c r="J128" s="11"/>
      <c r="K128" s="11"/>
      <c r="L128" s="11"/>
      <c r="M128" s="11"/>
      <c r="N128" s="11"/>
      <c r="O128" s="10" t="s">
        <v>49</v>
      </c>
    </row>
    <row r="129" spans="2:15" ht="18" x14ac:dyDescent="0.25">
      <c r="B129" s="23"/>
      <c r="C129" s="20">
        <v>30894</v>
      </c>
      <c r="D129" s="18">
        <v>7818</v>
      </c>
      <c r="E129" s="20">
        <v>29750</v>
      </c>
      <c r="F129" s="18">
        <v>7522</v>
      </c>
      <c r="G129" s="20">
        <v>29759</v>
      </c>
      <c r="H129" s="18">
        <v>7622</v>
      </c>
      <c r="I129" s="18">
        <v>3546</v>
      </c>
      <c r="J129" s="19">
        <v>355688</v>
      </c>
      <c r="K129" s="18">
        <v>5009</v>
      </c>
      <c r="L129" s="18">
        <v>27840</v>
      </c>
      <c r="M129" s="18">
        <v>7270</v>
      </c>
      <c r="N129" s="18">
        <v>4869</v>
      </c>
      <c r="O129" s="10" t="s">
        <v>48</v>
      </c>
    </row>
  </sheetData>
  <mergeCells count="8">
    <mergeCell ref="B118:B123"/>
    <mergeCell ref="B124:B129"/>
    <mergeCell ref="B82:B87"/>
    <mergeCell ref="B88:B93"/>
    <mergeCell ref="B94:B99"/>
    <mergeCell ref="B100:B105"/>
    <mergeCell ref="B106:B111"/>
    <mergeCell ref="B112:B117"/>
  </mergeCells>
  <pageMargins left="0.75" right="0.75" top="1" bottom="1" header="0.5" footer="0.5"/>
  <pageSetup paperSize="9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CD069A-6EE5-434D-90DD-24FDFDDA71D7}">
  <dimension ref="A2:O75"/>
  <sheetViews>
    <sheetView tabSelected="1" workbookViewId="0">
      <selection activeCell="B51" sqref="B51"/>
    </sheetView>
  </sheetViews>
  <sheetFormatPr defaultRowHeight="12.5" x14ac:dyDescent="0.25"/>
  <cols>
    <col min="1" max="1" width="20.7265625" customWidth="1"/>
    <col min="2" max="2" width="12.7265625" customWidth="1"/>
  </cols>
  <sheetData>
    <row r="2" spans="1:2" x14ac:dyDescent="0.25">
      <c r="A2" t="s">
        <v>0</v>
      </c>
      <c r="B2" t="s">
        <v>1</v>
      </c>
    </row>
    <row r="4" spans="1:2" x14ac:dyDescent="0.25">
      <c r="A4" t="s">
        <v>2</v>
      </c>
      <c r="B4" t="s">
        <v>55</v>
      </c>
    </row>
    <row r="5" spans="1:2" x14ac:dyDescent="0.25">
      <c r="A5" t="s">
        <v>4</v>
      </c>
    </row>
    <row r="6" spans="1:2" x14ac:dyDescent="0.25">
      <c r="A6" t="s">
        <v>5</v>
      </c>
      <c r="B6" t="s">
        <v>6</v>
      </c>
    </row>
    <row r="7" spans="1:2" x14ac:dyDescent="0.25">
      <c r="A7" t="s">
        <v>7</v>
      </c>
      <c r="B7" s="1">
        <v>42944</v>
      </c>
    </row>
    <row r="8" spans="1:2" x14ac:dyDescent="0.25">
      <c r="A8" t="s">
        <v>8</v>
      </c>
      <c r="B8" s="2">
        <v>0.68879629629629635</v>
      </c>
    </row>
    <row r="9" spans="1:2" x14ac:dyDescent="0.25">
      <c r="A9" t="s">
        <v>9</v>
      </c>
      <c r="B9" t="s">
        <v>10</v>
      </c>
    </row>
    <row r="10" spans="1:2" x14ac:dyDescent="0.25">
      <c r="A10" t="s">
        <v>11</v>
      </c>
      <c r="B10">
        <v>1505287</v>
      </c>
    </row>
    <row r="11" spans="1:2" x14ac:dyDescent="0.25">
      <c r="A11" t="s">
        <v>12</v>
      </c>
      <c r="B11" t="s">
        <v>13</v>
      </c>
    </row>
    <row r="13" spans="1:2" ht="13" x14ac:dyDescent="0.25">
      <c r="A13" s="3" t="s">
        <v>14</v>
      </c>
      <c r="B13" s="4"/>
    </row>
    <row r="14" spans="1:2" x14ac:dyDescent="0.25">
      <c r="A14" t="s">
        <v>15</v>
      </c>
      <c r="B14" t="s">
        <v>16</v>
      </c>
    </row>
    <row r="15" spans="1:2" x14ac:dyDescent="0.25">
      <c r="A15" t="s">
        <v>17</v>
      </c>
    </row>
    <row r="16" spans="1:2" x14ac:dyDescent="0.25">
      <c r="A16" t="s">
        <v>18</v>
      </c>
      <c r="B16" t="s">
        <v>19</v>
      </c>
    </row>
    <row r="17" spans="1:2" x14ac:dyDescent="0.25">
      <c r="B17" t="s">
        <v>20</v>
      </c>
    </row>
    <row r="18" spans="1:2" x14ac:dyDescent="0.25">
      <c r="A18" t="s">
        <v>30</v>
      </c>
      <c r="B18" t="s">
        <v>54</v>
      </c>
    </row>
    <row r="19" spans="1:2" x14ac:dyDescent="0.25">
      <c r="A19" t="s">
        <v>21</v>
      </c>
      <c r="B19" t="s">
        <v>22</v>
      </c>
    </row>
    <row r="20" spans="1:2" x14ac:dyDescent="0.25">
      <c r="B20" t="s">
        <v>23</v>
      </c>
    </row>
    <row r="21" spans="1:2" x14ac:dyDescent="0.25">
      <c r="B21" t="s">
        <v>24</v>
      </c>
    </row>
    <row r="22" spans="1:2" x14ac:dyDescent="0.25">
      <c r="B22" t="s">
        <v>25</v>
      </c>
    </row>
    <row r="23" spans="1:2" x14ac:dyDescent="0.25">
      <c r="B23" t="s">
        <v>26</v>
      </c>
    </row>
    <row r="24" spans="1:2" x14ac:dyDescent="0.25">
      <c r="B24" t="s">
        <v>27</v>
      </c>
    </row>
    <row r="25" spans="1:2" x14ac:dyDescent="0.25">
      <c r="B25" t="s">
        <v>28</v>
      </c>
    </row>
    <row r="26" spans="1:2" x14ac:dyDescent="0.25">
      <c r="B26" t="s">
        <v>29</v>
      </c>
    </row>
    <row r="27" spans="1:2" x14ac:dyDescent="0.25">
      <c r="A27" t="s">
        <v>30</v>
      </c>
      <c r="B27" t="s">
        <v>31</v>
      </c>
    </row>
    <row r="28" spans="1:2" x14ac:dyDescent="0.25">
      <c r="A28" t="s">
        <v>21</v>
      </c>
      <c r="B28" t="s">
        <v>22</v>
      </c>
    </row>
    <row r="29" spans="1:2" x14ac:dyDescent="0.25">
      <c r="B29" t="s">
        <v>32</v>
      </c>
    </row>
    <row r="30" spans="1:2" x14ac:dyDescent="0.25">
      <c r="B30" t="s">
        <v>24</v>
      </c>
    </row>
    <row r="31" spans="1:2" x14ac:dyDescent="0.25">
      <c r="B31" t="s">
        <v>25</v>
      </c>
    </row>
    <row r="32" spans="1:2" x14ac:dyDescent="0.25">
      <c r="B32" t="s">
        <v>26</v>
      </c>
    </row>
    <row r="33" spans="1:2" x14ac:dyDescent="0.25">
      <c r="B33" t="s">
        <v>27</v>
      </c>
    </row>
    <row r="34" spans="1:2" x14ac:dyDescent="0.25">
      <c r="B34" t="s">
        <v>28</v>
      </c>
    </row>
    <row r="35" spans="1:2" x14ac:dyDescent="0.25">
      <c r="B35" t="s">
        <v>29</v>
      </c>
    </row>
    <row r="36" spans="1:2" x14ac:dyDescent="0.25">
      <c r="A36" t="s">
        <v>30</v>
      </c>
      <c r="B36" t="s">
        <v>31</v>
      </c>
    </row>
    <row r="37" spans="1:2" x14ac:dyDescent="0.25">
      <c r="A37" t="s">
        <v>21</v>
      </c>
      <c r="B37" t="s">
        <v>22</v>
      </c>
    </row>
    <row r="38" spans="1:2" x14ac:dyDescent="0.25">
      <c r="B38" t="s">
        <v>33</v>
      </c>
    </row>
    <row r="39" spans="1:2" x14ac:dyDescent="0.25">
      <c r="B39" t="s">
        <v>24</v>
      </c>
    </row>
    <row r="40" spans="1:2" x14ac:dyDescent="0.25">
      <c r="B40" t="s">
        <v>25</v>
      </c>
    </row>
    <row r="41" spans="1:2" x14ac:dyDescent="0.25">
      <c r="B41" t="s">
        <v>26</v>
      </c>
    </row>
    <row r="42" spans="1:2" x14ac:dyDescent="0.25">
      <c r="B42" t="s">
        <v>27</v>
      </c>
    </row>
    <row r="43" spans="1:2" x14ac:dyDescent="0.25">
      <c r="B43" t="s">
        <v>28</v>
      </c>
    </row>
    <row r="44" spans="1:2" x14ac:dyDescent="0.25">
      <c r="B44" t="s">
        <v>29</v>
      </c>
    </row>
    <row r="46" spans="1:2" ht="13" x14ac:dyDescent="0.25">
      <c r="A46" s="3" t="s">
        <v>34</v>
      </c>
      <c r="B46" s="4"/>
    </row>
    <row r="47" spans="1:2" x14ac:dyDescent="0.25">
      <c r="A47" t="s">
        <v>35</v>
      </c>
      <c r="B47">
        <v>37.1</v>
      </c>
    </row>
    <row r="48" spans="1:2" x14ac:dyDescent="0.25">
      <c r="A48" t="s">
        <v>35</v>
      </c>
      <c r="B48">
        <v>37</v>
      </c>
    </row>
    <row r="49" spans="1:15" x14ac:dyDescent="0.25">
      <c r="A49" t="s">
        <v>35</v>
      </c>
      <c r="B49">
        <v>37.1</v>
      </c>
    </row>
    <row r="51" spans="1:15" x14ac:dyDescent="0.25">
      <c r="B51" s="5"/>
      <c r="C51" s="6">
        <v>1</v>
      </c>
      <c r="D51" s="6">
        <v>2</v>
      </c>
      <c r="E51" s="6">
        <v>3</v>
      </c>
      <c r="F51" s="6">
        <v>4</v>
      </c>
      <c r="G51" s="6">
        <v>5</v>
      </c>
      <c r="H51" s="6">
        <v>6</v>
      </c>
      <c r="I51" s="6">
        <v>7</v>
      </c>
      <c r="J51" s="6">
        <v>8</v>
      </c>
      <c r="K51" s="6">
        <v>9</v>
      </c>
      <c r="L51" s="6">
        <v>10</v>
      </c>
      <c r="M51" s="6">
        <v>11</v>
      </c>
      <c r="N51" s="6">
        <v>12</v>
      </c>
    </row>
    <row r="52" spans="1:15" ht="18" x14ac:dyDescent="0.25">
      <c r="B52" s="21" t="s">
        <v>36</v>
      </c>
      <c r="C52" s="9">
        <v>2023657</v>
      </c>
      <c r="D52" s="13">
        <v>225462</v>
      </c>
      <c r="E52" s="13">
        <v>277909</v>
      </c>
      <c r="F52" s="8">
        <v>41735</v>
      </c>
      <c r="G52" s="8">
        <v>51068</v>
      </c>
      <c r="H52" s="8">
        <v>10984</v>
      </c>
      <c r="I52" s="8">
        <v>3204</v>
      </c>
      <c r="J52" s="7">
        <v>342137</v>
      </c>
      <c r="K52" s="8">
        <v>4960</v>
      </c>
      <c r="L52" s="8">
        <v>26362</v>
      </c>
      <c r="M52" s="8">
        <v>7395</v>
      </c>
      <c r="N52" s="8">
        <v>5601</v>
      </c>
      <c r="O52" s="10" t="s">
        <v>37</v>
      </c>
    </row>
    <row r="53" spans="1:15" ht="18" x14ac:dyDescent="0.25">
      <c r="B53" s="22"/>
      <c r="C53" s="11"/>
      <c r="D53" s="11"/>
      <c r="E53" s="11"/>
      <c r="F53" s="11"/>
      <c r="G53" s="11"/>
      <c r="H53" s="11"/>
      <c r="I53" s="11"/>
      <c r="J53" s="11"/>
      <c r="K53" s="11"/>
      <c r="L53" s="11"/>
      <c r="M53" s="11"/>
      <c r="N53" s="11"/>
      <c r="O53" s="10" t="s">
        <v>38</v>
      </c>
    </row>
    <row r="54" spans="1:15" ht="18" x14ac:dyDescent="0.25">
      <c r="B54" s="23"/>
      <c r="C54" s="12"/>
      <c r="D54" s="12"/>
      <c r="E54" s="12"/>
      <c r="F54" s="12"/>
      <c r="G54" s="12"/>
      <c r="H54" s="12"/>
      <c r="I54" s="12"/>
      <c r="J54" s="12"/>
      <c r="K54" s="12"/>
      <c r="L54" s="12"/>
      <c r="M54" s="12"/>
      <c r="N54" s="12"/>
      <c r="O54" s="10" t="s">
        <v>39</v>
      </c>
    </row>
    <row r="55" spans="1:15" ht="18" x14ac:dyDescent="0.25">
      <c r="B55" s="21" t="s">
        <v>40</v>
      </c>
      <c r="C55" s="35">
        <v>1590729</v>
      </c>
      <c r="D55" s="13">
        <v>235477</v>
      </c>
      <c r="E55" s="7">
        <v>383393</v>
      </c>
      <c r="F55" s="8">
        <v>42766</v>
      </c>
      <c r="G55" s="8">
        <v>64950</v>
      </c>
      <c r="H55" s="8">
        <v>11195</v>
      </c>
      <c r="I55" s="8">
        <v>2983</v>
      </c>
      <c r="J55" s="7">
        <v>357134</v>
      </c>
      <c r="K55" s="8">
        <v>4451</v>
      </c>
      <c r="L55" s="8">
        <v>26752</v>
      </c>
      <c r="M55" s="8">
        <v>6904</v>
      </c>
      <c r="N55" s="8">
        <v>4309</v>
      </c>
      <c r="O55" s="10" t="s">
        <v>37</v>
      </c>
    </row>
    <row r="56" spans="1:15" ht="18" x14ac:dyDescent="0.25">
      <c r="B56" s="22"/>
      <c r="C56" s="11"/>
      <c r="D56" s="11"/>
      <c r="E56" s="11"/>
      <c r="F56" s="11"/>
      <c r="G56" s="11"/>
      <c r="H56" s="11"/>
      <c r="I56" s="11"/>
      <c r="J56" s="11"/>
      <c r="K56" s="11"/>
      <c r="L56" s="11"/>
      <c r="M56" s="11"/>
      <c r="N56" s="11"/>
      <c r="O56" s="10" t="s">
        <v>38</v>
      </c>
    </row>
    <row r="57" spans="1:15" ht="18" x14ac:dyDescent="0.25">
      <c r="B57" s="23"/>
      <c r="C57" s="12"/>
      <c r="D57" s="12"/>
      <c r="E57" s="12"/>
      <c r="F57" s="12"/>
      <c r="G57" s="12"/>
      <c r="H57" s="12"/>
      <c r="I57" s="12"/>
      <c r="J57" s="12"/>
      <c r="K57" s="12"/>
      <c r="L57" s="12"/>
      <c r="M57" s="12"/>
      <c r="N57" s="12"/>
      <c r="O57" s="10" t="s">
        <v>39</v>
      </c>
    </row>
    <row r="58" spans="1:15" ht="18" x14ac:dyDescent="0.25">
      <c r="B58" s="21" t="s">
        <v>41</v>
      </c>
      <c r="C58" s="14"/>
      <c r="D58" s="14"/>
      <c r="E58" s="14"/>
      <c r="F58" s="14"/>
      <c r="G58" s="14"/>
      <c r="H58" s="14"/>
      <c r="I58" s="14"/>
      <c r="J58" s="14"/>
      <c r="K58" s="14"/>
      <c r="L58" s="14"/>
      <c r="M58" s="14"/>
      <c r="N58" s="14"/>
      <c r="O58" s="10" t="s">
        <v>37</v>
      </c>
    </row>
    <row r="59" spans="1:15" ht="18" x14ac:dyDescent="0.25">
      <c r="B59" s="22"/>
      <c r="C59" s="11"/>
      <c r="D59" s="11"/>
      <c r="E59" s="11"/>
      <c r="F59" s="11"/>
      <c r="G59" s="11"/>
      <c r="H59" s="11"/>
      <c r="I59" s="11"/>
      <c r="J59" s="11"/>
      <c r="K59" s="11"/>
      <c r="L59" s="11"/>
      <c r="M59" s="11"/>
      <c r="N59" s="11"/>
      <c r="O59" s="10" t="s">
        <v>38</v>
      </c>
    </row>
    <row r="60" spans="1:15" ht="18" x14ac:dyDescent="0.25">
      <c r="B60" s="23"/>
      <c r="C60" s="12"/>
      <c r="D60" s="12"/>
      <c r="E60" s="12"/>
      <c r="F60" s="12"/>
      <c r="G60" s="12"/>
      <c r="H60" s="12"/>
      <c r="I60" s="12"/>
      <c r="J60" s="12"/>
      <c r="K60" s="12"/>
      <c r="L60" s="12"/>
      <c r="M60" s="12"/>
      <c r="N60" s="12"/>
      <c r="O60" s="10" t="s">
        <v>39</v>
      </c>
    </row>
    <row r="61" spans="1:15" ht="18" x14ac:dyDescent="0.25">
      <c r="B61" s="21" t="s">
        <v>42</v>
      </c>
      <c r="C61" s="14"/>
      <c r="D61" s="14"/>
      <c r="E61" s="14"/>
      <c r="F61" s="14"/>
      <c r="G61" s="14"/>
      <c r="H61" s="14"/>
      <c r="I61" s="14"/>
      <c r="J61" s="14"/>
      <c r="K61" s="14"/>
      <c r="L61" s="14"/>
      <c r="M61" s="14"/>
      <c r="N61" s="14"/>
      <c r="O61" s="10" t="s">
        <v>37</v>
      </c>
    </row>
    <row r="62" spans="1:15" ht="18" x14ac:dyDescent="0.25">
      <c r="B62" s="22"/>
      <c r="C62" s="30">
        <v>673059</v>
      </c>
      <c r="D62" s="15">
        <v>83053</v>
      </c>
      <c r="E62" s="24">
        <v>117433</v>
      </c>
      <c r="F62" s="16">
        <v>16684</v>
      </c>
      <c r="G62" s="16">
        <v>39677</v>
      </c>
      <c r="H62" s="16">
        <v>8441</v>
      </c>
      <c r="I62" s="16">
        <v>4606</v>
      </c>
      <c r="J62" s="31">
        <v>371680</v>
      </c>
      <c r="K62" s="16">
        <v>4441</v>
      </c>
      <c r="L62" s="16">
        <v>31522</v>
      </c>
      <c r="M62" s="16">
        <v>6832</v>
      </c>
      <c r="N62" s="16">
        <v>4741</v>
      </c>
      <c r="O62" s="10" t="s">
        <v>38</v>
      </c>
    </row>
    <row r="63" spans="1:15" ht="18" x14ac:dyDescent="0.25">
      <c r="B63" s="23"/>
      <c r="C63" s="12"/>
      <c r="D63" s="12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0" t="s">
        <v>39</v>
      </c>
    </row>
    <row r="64" spans="1:15" ht="18" x14ac:dyDescent="0.25">
      <c r="B64" s="21" t="s">
        <v>43</v>
      </c>
      <c r="C64" s="14"/>
      <c r="D64" s="14"/>
      <c r="E64" s="14"/>
      <c r="F64" s="14"/>
      <c r="G64" s="14"/>
      <c r="H64" s="14"/>
      <c r="I64" s="14"/>
      <c r="J64" s="14"/>
      <c r="K64" s="14"/>
      <c r="L64" s="14"/>
      <c r="M64" s="14"/>
      <c r="N64" s="14"/>
      <c r="O64" s="10" t="s">
        <v>37</v>
      </c>
    </row>
    <row r="65" spans="2:15" ht="18" x14ac:dyDescent="0.25">
      <c r="B65" s="22"/>
      <c r="C65" s="17">
        <v>764917</v>
      </c>
      <c r="D65" s="15">
        <v>82337</v>
      </c>
      <c r="E65" s="24">
        <v>114037</v>
      </c>
      <c r="F65" s="16">
        <v>16431</v>
      </c>
      <c r="G65" s="16">
        <v>39557</v>
      </c>
      <c r="H65" s="16">
        <v>7815</v>
      </c>
      <c r="I65" s="16">
        <v>2966</v>
      </c>
      <c r="J65" s="31">
        <v>362998</v>
      </c>
      <c r="K65" s="16">
        <v>4188</v>
      </c>
      <c r="L65" s="16">
        <v>29954</v>
      </c>
      <c r="M65" s="16">
        <v>6685</v>
      </c>
      <c r="N65" s="16">
        <v>4417</v>
      </c>
      <c r="O65" s="10" t="s">
        <v>38</v>
      </c>
    </row>
    <row r="66" spans="2:15" ht="18" x14ac:dyDescent="0.25">
      <c r="B66" s="23"/>
      <c r="C66" s="12"/>
      <c r="D66" s="12"/>
      <c r="E66" s="12"/>
      <c r="F66" s="12"/>
      <c r="G66" s="12"/>
      <c r="H66" s="12"/>
      <c r="I66" s="12"/>
      <c r="J66" s="12"/>
      <c r="K66" s="12"/>
      <c r="L66" s="12"/>
      <c r="M66" s="12"/>
      <c r="N66" s="12"/>
      <c r="O66" s="10" t="s">
        <v>39</v>
      </c>
    </row>
    <row r="67" spans="2:15" ht="18" x14ac:dyDescent="0.25">
      <c r="B67" s="21" t="s">
        <v>44</v>
      </c>
      <c r="C67" s="14"/>
      <c r="D67" s="14"/>
      <c r="E67" s="14"/>
      <c r="F67" s="14"/>
      <c r="G67" s="14"/>
      <c r="H67" s="14"/>
      <c r="I67" s="14"/>
      <c r="J67" s="14"/>
      <c r="K67" s="14"/>
      <c r="L67" s="14"/>
      <c r="M67" s="14"/>
      <c r="N67" s="14"/>
      <c r="O67" s="10" t="s">
        <v>37</v>
      </c>
    </row>
    <row r="68" spans="2:15" ht="18" x14ac:dyDescent="0.25">
      <c r="B68" s="22"/>
      <c r="C68" s="11"/>
      <c r="D68" s="11"/>
      <c r="E68" s="11"/>
      <c r="F68" s="11"/>
      <c r="G68" s="11"/>
      <c r="H68" s="11"/>
      <c r="I68" s="11"/>
      <c r="J68" s="11"/>
      <c r="K68" s="11"/>
      <c r="L68" s="11"/>
      <c r="M68" s="11"/>
      <c r="N68" s="11"/>
      <c r="O68" s="10" t="s">
        <v>38</v>
      </c>
    </row>
    <row r="69" spans="2:15" ht="18" x14ac:dyDescent="0.25">
      <c r="B69" s="23"/>
      <c r="C69" s="12"/>
      <c r="D69" s="12"/>
      <c r="E69" s="12"/>
      <c r="F69" s="12"/>
      <c r="G69" s="12"/>
      <c r="H69" s="12"/>
      <c r="I69" s="12"/>
      <c r="J69" s="12"/>
      <c r="K69" s="12"/>
      <c r="L69" s="12"/>
      <c r="M69" s="12"/>
      <c r="N69" s="12"/>
      <c r="O69" s="10" t="s">
        <v>39</v>
      </c>
    </row>
    <row r="70" spans="2:15" ht="18" x14ac:dyDescent="0.25">
      <c r="B70" s="21" t="s">
        <v>45</v>
      </c>
      <c r="C70" s="14"/>
      <c r="D70" s="14"/>
      <c r="E70" s="14"/>
      <c r="F70" s="14"/>
      <c r="G70" s="14"/>
      <c r="H70" s="14"/>
      <c r="I70" s="14"/>
      <c r="J70" s="14"/>
      <c r="K70" s="14"/>
      <c r="L70" s="14"/>
      <c r="M70" s="14"/>
      <c r="N70" s="14"/>
      <c r="O70" s="10" t="s">
        <v>37</v>
      </c>
    </row>
    <row r="71" spans="2:15" ht="18" x14ac:dyDescent="0.25">
      <c r="B71" s="22"/>
      <c r="C71" s="11"/>
      <c r="D71" s="11"/>
      <c r="E71" s="11"/>
      <c r="F71" s="11"/>
      <c r="G71" s="11"/>
      <c r="H71" s="11"/>
      <c r="I71" s="11"/>
      <c r="J71" s="11"/>
      <c r="K71" s="11"/>
      <c r="L71" s="11"/>
      <c r="M71" s="11"/>
      <c r="N71" s="11"/>
      <c r="O71" s="10" t="s">
        <v>38</v>
      </c>
    </row>
    <row r="72" spans="2:15" ht="18" x14ac:dyDescent="0.25">
      <c r="B72" s="23"/>
      <c r="C72" s="18">
        <v>26267</v>
      </c>
      <c r="D72" s="18">
        <v>7221</v>
      </c>
      <c r="E72" s="18">
        <v>27889</v>
      </c>
      <c r="F72" s="18">
        <v>7347</v>
      </c>
      <c r="G72" s="18">
        <v>28139</v>
      </c>
      <c r="H72" s="18">
        <v>7482</v>
      </c>
      <c r="I72" s="18">
        <v>3220</v>
      </c>
      <c r="J72" s="19">
        <v>358825</v>
      </c>
      <c r="K72" s="18">
        <v>4335</v>
      </c>
      <c r="L72" s="18">
        <v>27869</v>
      </c>
      <c r="M72" s="18">
        <v>7307</v>
      </c>
      <c r="N72" s="18">
        <v>4736</v>
      </c>
      <c r="O72" s="10" t="s">
        <v>39</v>
      </c>
    </row>
    <row r="73" spans="2:15" ht="18" x14ac:dyDescent="0.25">
      <c r="B73" s="21" t="s">
        <v>46</v>
      </c>
      <c r="C73" s="14"/>
      <c r="D73" s="14"/>
      <c r="E73" s="14"/>
      <c r="F73" s="14"/>
      <c r="G73" s="14"/>
      <c r="H73" s="14"/>
      <c r="I73" s="14"/>
      <c r="J73" s="14"/>
      <c r="K73" s="14"/>
      <c r="L73" s="14"/>
      <c r="M73" s="14"/>
      <c r="N73" s="14"/>
      <c r="O73" s="10" t="s">
        <v>37</v>
      </c>
    </row>
    <row r="74" spans="2:15" ht="18" x14ac:dyDescent="0.25">
      <c r="B74" s="22"/>
      <c r="C74" s="11"/>
      <c r="D74" s="11"/>
      <c r="E74" s="11"/>
      <c r="F74" s="11"/>
      <c r="G74" s="11"/>
      <c r="H74" s="11"/>
      <c r="I74" s="11"/>
      <c r="J74" s="11"/>
      <c r="K74" s="11"/>
      <c r="L74" s="11"/>
      <c r="M74" s="11"/>
      <c r="N74" s="11"/>
      <c r="O74" s="10" t="s">
        <v>38</v>
      </c>
    </row>
    <row r="75" spans="2:15" ht="18" x14ac:dyDescent="0.25">
      <c r="B75" s="23"/>
      <c r="C75" s="20">
        <v>31217</v>
      </c>
      <c r="D75" s="18">
        <v>7613</v>
      </c>
      <c r="E75" s="20">
        <v>29746</v>
      </c>
      <c r="F75" s="18">
        <v>7340</v>
      </c>
      <c r="G75" s="20">
        <v>28697</v>
      </c>
      <c r="H75" s="18">
        <v>7369</v>
      </c>
      <c r="I75" s="18">
        <v>3431</v>
      </c>
      <c r="J75" s="19">
        <v>346456</v>
      </c>
      <c r="K75" s="18">
        <v>4826</v>
      </c>
      <c r="L75" s="18">
        <v>26496</v>
      </c>
      <c r="M75" s="18">
        <v>7062</v>
      </c>
      <c r="N75" s="18">
        <v>4623</v>
      </c>
      <c r="O75" s="10" t="s">
        <v>39</v>
      </c>
    </row>
  </sheetData>
  <mergeCells count="8">
    <mergeCell ref="B70:B72"/>
    <mergeCell ref="B73:B75"/>
    <mergeCell ref="B52:B54"/>
    <mergeCell ref="B55:B57"/>
    <mergeCell ref="B58:B60"/>
    <mergeCell ref="B61:B63"/>
    <mergeCell ref="B64:B66"/>
    <mergeCell ref="B67:B69"/>
  </mergeCells>
  <pageMargins left="0.75" right="0.75" top="1" bottom="1" header="0.5" footer="0.5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13 min</vt:lpstr>
      <vt:lpstr>23,5 min</vt:lpstr>
      <vt:lpstr>60 + 120 min</vt:lpstr>
      <vt:lpstr>180 mi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thrine Agnete Larsen</dc:creator>
  <cp:lastModifiedBy>Aleksander Moldt Haack</cp:lastModifiedBy>
  <dcterms:created xsi:type="dcterms:W3CDTF">2011-01-18T20:51:17Z</dcterms:created>
  <dcterms:modified xsi:type="dcterms:W3CDTF">2017-11-01T16:04:5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utoMacroName">
    <vt:lpwstr>None</vt:lpwstr>
  </property>
  <property fmtid="{D5CDD505-2E9C-101B-9397-08002B2CF9AE}" pid="3" name="LastEdited">
    <vt:lpwstr>14.0</vt:lpwstr>
  </property>
</Properties>
</file>